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  <p:sldMasterId id="2147483660" r:id="rId2"/>
  </p:sldMasterIdLst>
  <p:sldIdLst>
    <p:sldId id="256" r:id="rId3"/>
    <p:sldId id="257" r:id="rId4"/>
    <p:sldId id="258" r:id="rId5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סגנון ביניים 2 - הדגשה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6" autoAdjust="0"/>
    <p:restoredTop sz="94660"/>
  </p:normalViewPr>
  <p:slideViewPr>
    <p:cSldViewPr snapToGrid="0">
      <p:cViewPr varScale="1">
        <p:scale>
          <a:sx n="67" d="100"/>
          <a:sy n="67" d="100"/>
        </p:scale>
        <p:origin x="645" y="-51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heme" Target="theme/theme1.xml"/><Relationship Id="rId3" Type="http://schemas.openxmlformats.org/officeDocument/2006/relationships/slide" Target="slides/slide1.xml"/><Relationship Id="rId7" Type="http://schemas.openxmlformats.org/officeDocument/2006/relationships/viewProps" Target="viewProps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presProps" Target="presProps.xml"/><Relationship Id="rId5" Type="http://schemas.openxmlformats.org/officeDocument/2006/relationships/slide" Target="slides/slide3.xml"/><Relationship Id="rId4" Type="http://schemas.openxmlformats.org/officeDocument/2006/relationships/slide" Target="slides/slide2.xml"/><Relationship Id="rId9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pPr algn="ctr"/>
          <a:r>
            <a:rPr lang="he-IL" sz="1600" b="1" u="sng" dirty="0" smtClean="0"/>
            <a:t>שלב </a:t>
          </a:r>
          <a:r>
            <a:rPr lang="he-IL" sz="1600" b="1" u="sng" dirty="0" smtClean="0"/>
            <a:t>החקירה</a:t>
          </a:r>
        </a:p>
        <a:p>
          <a:pPr algn="r"/>
          <a:r>
            <a:rPr lang="he-IL" sz="1600" b="0" u="none" dirty="0" smtClean="0"/>
            <a:t>- מטרה            -מערכת כללית</a:t>
          </a:r>
        </a:p>
        <a:p>
          <a:pPr algn="r"/>
          <a:r>
            <a:rPr lang="he-IL" sz="1600" b="0" u="none" dirty="0" smtClean="0"/>
            <a:t>-תכלית אסטרטגית - </a:t>
          </a:r>
          <a:r>
            <a:rPr lang="he-IL" sz="1600" b="0" u="none" dirty="0" err="1" smtClean="0"/>
            <a:t>גניאולוגיה</a:t>
          </a:r>
          <a:endParaRPr lang="he-IL" sz="1600" b="0" u="none" dirty="0" smtClean="0"/>
        </a:p>
        <a:p>
          <a:pPr algn="r"/>
          <a:r>
            <a:rPr lang="he-IL" sz="1600" b="0" u="none" dirty="0" smtClean="0"/>
            <a:t>- אינטרסים        - היסט</a:t>
          </a:r>
        </a:p>
        <a:p>
          <a:pPr algn="r"/>
          <a:r>
            <a:rPr lang="he-IL" sz="1600" b="0" u="none" dirty="0" smtClean="0"/>
            <a:t> איומים             - פוטנציאל</a:t>
          </a:r>
          <a:r>
            <a:rPr lang="en-US" sz="1600" b="0" u="none" dirty="0" smtClean="0"/>
            <a:t>-</a:t>
          </a:r>
          <a:endParaRPr lang="he-IL" sz="1600" b="0" u="none" dirty="0" smtClean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pPr algn="r"/>
          <a:r>
            <a:rPr lang="he-IL" sz="1600" b="1" u="sng" dirty="0" smtClean="0"/>
            <a:t>שלב </a:t>
          </a:r>
          <a:r>
            <a:rPr lang="he-IL" sz="1600" b="1" u="sng" dirty="0" smtClean="0"/>
            <a:t>תכנון מערכה</a:t>
          </a:r>
          <a:endParaRPr lang="he-IL" sz="1600" b="1" u="sng" dirty="0" smtClean="0"/>
        </a:p>
        <a:p>
          <a:pPr algn="ctr"/>
          <a:r>
            <a:rPr lang="he-IL" sz="1400" b="0" u="none" dirty="0" smtClean="0"/>
            <a:t>- השינוי הנדרש</a:t>
          </a:r>
        </a:p>
        <a:p>
          <a:pPr algn="ctr"/>
          <a:r>
            <a:rPr lang="he-IL" sz="1400" b="0" u="none" dirty="0" smtClean="0"/>
            <a:t>- ארגון הצורה</a:t>
          </a:r>
        </a:p>
        <a:p>
          <a:pPr algn="ctr"/>
          <a:r>
            <a:rPr lang="he-IL" sz="1400" b="0" u="none" dirty="0" smtClean="0"/>
            <a:t>-ארגון המערכה </a:t>
          </a:r>
        </a:p>
        <a:p>
          <a:pPr algn="ctr"/>
          <a:r>
            <a:rPr lang="he-IL" sz="1400" b="0" u="none" dirty="0" smtClean="0"/>
            <a:t>- שינויים אישיים בהיבטים המערכתיים-ארגוניים</a:t>
          </a:r>
          <a:endParaRPr lang="he-IL" sz="1400" b="0" u="none" dirty="0" smtClean="0"/>
        </a:p>
        <a:p>
          <a:pPr algn="ctr"/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</a:t>
          </a:r>
          <a:r>
            <a:rPr lang="he-IL" sz="1600" b="1" u="sng" dirty="0" smtClean="0"/>
            <a:t>הסימולציה</a:t>
          </a:r>
        </a:p>
        <a:p>
          <a:r>
            <a:rPr lang="he-IL" sz="1400" b="0" u="none" dirty="0" smtClean="0"/>
            <a:t>מימוש התוכנית </a:t>
          </a:r>
        </a:p>
        <a:p>
          <a:r>
            <a:rPr lang="he-IL" sz="1400" b="0" u="none" dirty="0" smtClean="0"/>
            <a:t>המערכתית</a:t>
          </a:r>
        </a:p>
        <a:p>
          <a:pPr rtl="1"/>
          <a:r>
            <a:rPr lang="en-US" sz="1400" b="0" u="none" dirty="0" smtClean="0"/>
            <a:t>Reframing </a:t>
          </a:r>
        </a:p>
        <a:p>
          <a:pPr rtl="1"/>
          <a:r>
            <a:rPr lang="he-IL" sz="1400" b="0" u="none" dirty="0" smtClean="0"/>
            <a:t>מימוש </a:t>
          </a:r>
          <a:r>
            <a:rPr lang="he-IL" sz="1400" b="0" u="none" dirty="0" err="1" smtClean="0"/>
            <a:t>תוכנית</a:t>
          </a:r>
          <a:r>
            <a:rPr lang="he-IL" sz="1400" b="0" u="none" dirty="0" smtClean="0"/>
            <a:t> מעודכנת</a:t>
          </a:r>
          <a:endParaRPr lang="he-IL" sz="1400" b="0" u="none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  <dgm:t>
        <a:bodyPr/>
        <a:lstStyle/>
        <a:p>
          <a:pPr rtl="1"/>
          <a:endParaRPr lang="he-IL"/>
        </a:p>
      </dgm:t>
    </dgm:pt>
    <dgm:pt modelId="{643C57E6-D900-425E-AA00-F04D83AD529F}" type="pres">
      <dgm:prSet presAssocID="{34FA45F9-0405-4AF6-9221-ED2D1E26F090}" presName="bigChev" presStyleLbl="node1" presStyleIdx="0" presStyleCnt="1" custScaleX="30969" custScaleY="27724" custLinFactNeighborX="-50117" custLinFactNeighborY="-16241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  <dgm:t>
        <a:bodyPr/>
        <a:lstStyle/>
        <a:p>
          <a:pPr rtl="1"/>
          <a:endParaRPr lang="he-IL"/>
        </a:p>
      </dgm:t>
    </dgm:pt>
    <dgm:pt modelId="{FBCDF05E-3288-4AE5-9E25-03B36AF69926}" type="pres">
      <dgm:prSet presAssocID="{F3AD619B-7FE8-4ACF-9F4A-F9619A59EFEF}" presName="node" presStyleLbl="alignAccFollowNode1" presStyleIdx="0" presStyleCnt="2" custScaleX="33093" custScaleY="45908" custLinFactNeighborX="-7143" custLinFactNeighborY="-19401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  <dgm:t>
        <a:bodyPr/>
        <a:lstStyle/>
        <a:p>
          <a:pPr rtl="1"/>
          <a:endParaRPr lang="he-IL"/>
        </a:p>
      </dgm:t>
    </dgm:pt>
    <dgm:pt modelId="{DDB74CAC-6E26-45A0-9656-F23CDD57BC79}" type="pres">
      <dgm:prSet presAssocID="{890DF919-E961-4411-BE53-16F51F6DAE3C}" presName="node" presStyleLbl="alignAccFollowNode1" presStyleIdx="1" presStyleCnt="2" custScaleX="28798" custScaleY="48391" custLinFactNeighborX="31813" custLinFactNeighborY="-1936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70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22D9774F-D8DC-4DFB-ACAA-61B3F7050D4B}" type="doc">
      <dgm:prSet loTypeId="urn:microsoft.com/office/officeart/2005/8/layout/hProcess11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pPr rtl="1"/>
          <a:endParaRPr lang="he-IL"/>
        </a:p>
      </dgm:t>
    </dgm:pt>
    <dgm:pt modelId="{F82A7C1D-0750-4AA3-9003-940E3973D274}">
      <dgm:prSet phldrT="[טקסט]"/>
      <dgm:spPr/>
      <dgm:t>
        <a:bodyPr/>
        <a:lstStyle/>
        <a:p>
          <a:pPr rtl="1"/>
          <a:r>
            <a:rPr lang="he-IL" dirty="0" smtClean="0"/>
            <a:t>קורס מודיעין</a:t>
          </a:r>
          <a:endParaRPr lang="he-IL" dirty="0"/>
        </a:p>
      </dgm:t>
    </dgm:pt>
    <dgm:pt modelId="{65B4BBAB-511F-467B-BC7F-3E5CB1DC237C}" type="par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FE420BB9-BB5E-461C-B5E6-94377028F987}" type="sibTrans" cxnId="{94516CB3-0B3F-4CD8-AB2C-7C30FD88CAF0}">
      <dgm:prSet/>
      <dgm:spPr/>
      <dgm:t>
        <a:bodyPr/>
        <a:lstStyle/>
        <a:p>
          <a:pPr rtl="1"/>
          <a:endParaRPr lang="he-IL"/>
        </a:p>
      </dgm:t>
    </dgm:pt>
    <dgm:pt modelId="{6C740251-3E5B-4200-9247-40FB92E50910}">
      <dgm:prSet phldrT="[טקסט]"/>
      <dgm:spPr/>
      <dgm:t>
        <a:bodyPr/>
        <a:lstStyle/>
        <a:p>
          <a:pPr rtl="1"/>
          <a:r>
            <a:rPr lang="he-IL" dirty="0" smtClean="0"/>
            <a:t>קורס </a:t>
          </a:r>
          <a:r>
            <a:rPr lang="he-IL" dirty="0" err="1" smtClean="0"/>
            <a:t>מז"ת</a:t>
          </a:r>
          <a:endParaRPr lang="he-IL" dirty="0"/>
        </a:p>
      </dgm:t>
    </dgm:pt>
    <dgm:pt modelId="{795ADCAA-A005-4E0E-AA9A-F24C3DA54A7A}" type="par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A0703211-B1ED-497D-B67D-572D03C7F174}" type="sibTrans" cxnId="{0100FD41-01E9-4F24-A459-1DEB3FDF540B}">
      <dgm:prSet/>
      <dgm:spPr/>
      <dgm:t>
        <a:bodyPr/>
        <a:lstStyle/>
        <a:p>
          <a:pPr rtl="1"/>
          <a:endParaRPr lang="he-IL"/>
        </a:p>
      </dgm:t>
    </dgm:pt>
    <dgm:pt modelId="{E51B2254-B7E2-44A5-AFAE-AEB97995C593}">
      <dgm:prSet phldrT="[טקסט]"/>
      <dgm:spPr/>
      <dgm:t>
        <a:bodyPr/>
        <a:lstStyle/>
        <a:p>
          <a:pPr rtl="1"/>
          <a:r>
            <a:rPr lang="he-IL" dirty="0" smtClean="0"/>
            <a:t>ביקור </a:t>
          </a:r>
          <a:r>
            <a:rPr lang="he-IL" dirty="0" err="1" smtClean="0"/>
            <a:t>במשה"ח</a:t>
          </a:r>
          <a:endParaRPr lang="he-IL" dirty="0"/>
        </a:p>
      </dgm:t>
    </dgm:pt>
    <dgm:pt modelId="{3A52F5A8-4F1A-4E47-84FB-AD5B3B27766C}" type="par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25359311-4F86-4B7B-AFEF-47116354EC31}" type="sibTrans" cxnId="{8E407B1B-7550-4A9D-83E4-D185F2F8B602}">
      <dgm:prSet/>
      <dgm:spPr/>
      <dgm:t>
        <a:bodyPr/>
        <a:lstStyle/>
        <a:p>
          <a:pPr rtl="1"/>
          <a:endParaRPr lang="he-IL"/>
        </a:p>
      </dgm:t>
    </dgm:pt>
    <dgm:pt modelId="{1CB9845C-59D6-4692-B3E2-20A173367E61}">
      <dgm:prSet phldrT="[טקסט]"/>
      <dgm:spPr/>
      <dgm:t>
        <a:bodyPr/>
        <a:lstStyle/>
        <a:p>
          <a:pPr rtl="1"/>
          <a:r>
            <a:rPr lang="he-IL" dirty="0" smtClean="0"/>
            <a:t>סדנת </a:t>
          </a:r>
          <a:r>
            <a:rPr lang="he-IL" dirty="0" err="1" smtClean="0"/>
            <a:t>מו"ם</a:t>
          </a:r>
          <a:r>
            <a:rPr lang="he-IL" dirty="0" smtClean="0"/>
            <a:t> 1-3/3</a:t>
          </a:r>
        </a:p>
      </dgm:t>
    </dgm:pt>
    <dgm:pt modelId="{6CEB2262-C928-4729-BA03-C475BCF18B8B}" type="par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3A45049-A5D5-42A8-87CA-907A42C78F47}" type="sibTrans" cxnId="{B3F7B4FB-8C1C-459A-829F-955F4A273812}">
      <dgm:prSet/>
      <dgm:spPr/>
      <dgm:t>
        <a:bodyPr/>
        <a:lstStyle/>
        <a:p>
          <a:pPr rtl="1"/>
          <a:endParaRPr lang="he-IL"/>
        </a:p>
      </dgm:t>
    </dgm:pt>
    <dgm:pt modelId="{6C0BC34E-A2AC-4385-A90F-61AA9CC89A18}">
      <dgm:prSet phldrT="[טקסט]"/>
      <dgm:spPr/>
      <dgm:t>
        <a:bodyPr/>
        <a:lstStyle/>
        <a:p>
          <a:pPr rtl="1"/>
          <a:endParaRPr lang="he-IL" dirty="0"/>
        </a:p>
      </dgm:t>
    </dgm:pt>
    <dgm:pt modelId="{BCE3FB1F-C419-442D-A300-D24518653669}" type="par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C39DCD92-2746-483F-A78A-7B7AA0B669D2}" type="sibTrans" cxnId="{C14C0E70-F81F-4977-B0A2-920F5CD9A2EE}">
      <dgm:prSet/>
      <dgm:spPr/>
      <dgm:t>
        <a:bodyPr/>
        <a:lstStyle/>
        <a:p>
          <a:pPr rtl="1"/>
          <a:endParaRPr lang="he-IL"/>
        </a:p>
      </dgm:t>
    </dgm:pt>
    <dgm:pt modelId="{BC0C1C89-BA04-4F27-A001-DE3B352F44E7}">
      <dgm:prSet phldrT="[טקסט]" custT="1"/>
      <dgm:spPr/>
      <dgm:t>
        <a:bodyPr/>
        <a:lstStyle/>
        <a:p>
          <a:pPr rtl="1"/>
          <a:r>
            <a:rPr lang="he-IL" sz="1800" dirty="0" smtClean="0"/>
            <a:t>סיורי </a:t>
          </a:r>
          <a:r>
            <a:rPr lang="he-IL" sz="1800" dirty="0" err="1" smtClean="0"/>
            <a:t>בטל"מ</a:t>
          </a:r>
          <a:endParaRPr lang="he-IL" sz="1800" dirty="0"/>
        </a:p>
      </dgm:t>
    </dgm:pt>
    <dgm:pt modelId="{F92C3665-E4BB-4C3A-804E-098A32616D08}" type="par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5BDC8B9D-20DE-41DD-A7F8-AEAAB99B9463}" type="sibTrans" cxnId="{3E65CC26-9C44-4322-89F1-AEC268677C7D}">
      <dgm:prSet/>
      <dgm:spPr/>
      <dgm:t>
        <a:bodyPr/>
        <a:lstStyle/>
        <a:p>
          <a:pPr rtl="1"/>
          <a:endParaRPr lang="he-IL"/>
        </a:p>
      </dgm:t>
    </dgm:pt>
    <dgm:pt modelId="{D2DD0C95-2378-467A-A0D3-BD1E8BF13EA1}" type="pres">
      <dgm:prSet presAssocID="{22D9774F-D8DC-4DFB-ACAA-61B3F7050D4B}" presName="Name0" presStyleCnt="0">
        <dgm:presLayoutVars>
          <dgm:dir/>
          <dgm:resizeHandles val="exact"/>
        </dgm:presLayoutVars>
      </dgm:prSet>
      <dgm:spPr/>
    </dgm:pt>
    <dgm:pt modelId="{0FFFBE4A-6652-4F87-8006-869213A758AC}" type="pres">
      <dgm:prSet presAssocID="{22D9774F-D8DC-4DFB-ACAA-61B3F7050D4B}" presName="arrow" presStyleLbl="bgShp" presStyleIdx="0" presStyleCnt="1" custLinFactY="99146" custLinFactNeighborX="-2596" custLinFactNeighborY="100000"/>
      <dgm:spPr/>
      <dgm:t>
        <a:bodyPr/>
        <a:lstStyle/>
        <a:p>
          <a:pPr rtl="1"/>
          <a:endParaRPr lang="he-IL"/>
        </a:p>
      </dgm:t>
    </dgm:pt>
    <dgm:pt modelId="{8E53DDD8-8632-440F-89AB-F5D97F506872}" type="pres">
      <dgm:prSet presAssocID="{22D9774F-D8DC-4DFB-ACAA-61B3F7050D4B}" presName="points" presStyleCnt="0"/>
      <dgm:spPr/>
    </dgm:pt>
    <dgm:pt modelId="{8C5A19A0-1343-47BC-86C4-865AEC415C92}" type="pres">
      <dgm:prSet presAssocID="{F82A7C1D-0750-4AA3-9003-940E3973D274}" presName="compositeA" presStyleCnt="0"/>
      <dgm:spPr/>
    </dgm:pt>
    <dgm:pt modelId="{C2313BE9-9F97-4575-B44A-1DA40AA15139}" type="pres">
      <dgm:prSet presAssocID="{F82A7C1D-0750-4AA3-9003-940E3973D274}" presName="textA" presStyleLbl="revTx" presStyleIdx="0" presStyleCnt="6" custScaleX="172364" custLinFactNeighborX="29112" custLinFactNeighborY="89213">
        <dgm:presLayoutVars>
          <dgm:bulletEnabled val="1"/>
        </dgm:presLayoutVars>
      </dgm:prSet>
      <dgm:spPr/>
    </dgm:pt>
    <dgm:pt modelId="{A5A9C167-812C-4413-9DFC-7996CD81CB95}" type="pres">
      <dgm:prSet presAssocID="{F82A7C1D-0750-4AA3-9003-940E3973D274}" presName="circleA" presStyleLbl="node1" presStyleIdx="0" presStyleCnt="6" custLinFactX="42775" custLinFactY="118881" custLinFactNeighborX="100000" custLinFactNeighborY="200000"/>
      <dgm:spPr/>
    </dgm:pt>
    <dgm:pt modelId="{CAD2F78D-6854-4110-8206-FFAD72910BC6}" type="pres">
      <dgm:prSet presAssocID="{F82A7C1D-0750-4AA3-9003-940E3973D274}" presName="spaceA" presStyleCnt="0"/>
      <dgm:spPr/>
    </dgm:pt>
    <dgm:pt modelId="{D59DB497-73C6-46AF-AD39-D1721CD2C0B6}" type="pres">
      <dgm:prSet presAssocID="{FE420BB9-BB5E-461C-B5E6-94377028F987}" presName="space" presStyleCnt="0"/>
      <dgm:spPr/>
    </dgm:pt>
    <dgm:pt modelId="{8D9D8B56-67E1-4720-AE40-F21D87F2A50B}" type="pres">
      <dgm:prSet presAssocID="{6C740251-3E5B-4200-9247-40FB92E50910}" presName="compositeB" presStyleCnt="0"/>
      <dgm:spPr/>
    </dgm:pt>
    <dgm:pt modelId="{EC5DC4F4-70A6-4EF4-BE55-AB97F578926A}" type="pres">
      <dgm:prSet presAssocID="{6C740251-3E5B-4200-9247-40FB92E50910}" presName="textB" presStyleLbl="revTx" presStyleIdx="1" presStyleCnt="6" custScaleX="142037" custLinFactNeighborX="24167" custLinFactNeighborY="-23246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9E74DD4-9D80-4F5B-B2E4-5C5A33F033CE}" type="pres">
      <dgm:prSet presAssocID="{6C740251-3E5B-4200-9247-40FB92E50910}" presName="circleB" presStyleLbl="node1" presStyleIdx="1" presStyleCnt="6" custLinFactX="22606" custLinFactY="128200" custLinFactNeighborX="100000" custLinFactNeighborY="200000"/>
      <dgm:spPr/>
    </dgm:pt>
    <dgm:pt modelId="{C03ECB09-0AF5-4938-ACE3-91F240A46E45}" type="pres">
      <dgm:prSet presAssocID="{6C740251-3E5B-4200-9247-40FB92E50910}" presName="spaceB" presStyleCnt="0"/>
      <dgm:spPr/>
    </dgm:pt>
    <dgm:pt modelId="{9609BE52-C599-437B-BEF9-3DB017EAEB46}" type="pres">
      <dgm:prSet presAssocID="{A0703211-B1ED-497D-B67D-572D03C7F174}" presName="space" presStyleCnt="0"/>
      <dgm:spPr/>
    </dgm:pt>
    <dgm:pt modelId="{C54C5418-3040-41F3-9782-3E8E7C29C5A1}" type="pres">
      <dgm:prSet presAssocID="{E51B2254-B7E2-44A5-AFAE-AEB97995C593}" presName="compositeA" presStyleCnt="0"/>
      <dgm:spPr/>
    </dgm:pt>
    <dgm:pt modelId="{286C3BAC-782A-4C7E-A921-D5569BA65DD9}" type="pres">
      <dgm:prSet presAssocID="{E51B2254-B7E2-44A5-AFAE-AEB97995C593}" presName="textA" presStyleLbl="revTx" presStyleIdx="2" presStyleCnt="6" custScaleX="149945" custLinFactNeighborX="19622" custLinFactNeighborY="89587">
        <dgm:presLayoutVars>
          <dgm:bulletEnabled val="1"/>
        </dgm:presLayoutVars>
      </dgm:prSet>
      <dgm:spPr/>
    </dgm:pt>
    <dgm:pt modelId="{682FE366-C000-41C9-9EEB-B1F529CAD5C3}" type="pres">
      <dgm:prSet presAssocID="{E51B2254-B7E2-44A5-AFAE-AEB97995C593}" presName="circleA" presStyleLbl="node1" presStyleIdx="2" presStyleCnt="6" custLinFactY="106853" custLinFactNeighborX="79204" custLinFactNeighborY="200000"/>
      <dgm:spPr/>
      <dgm:t>
        <a:bodyPr/>
        <a:lstStyle/>
        <a:p>
          <a:pPr rtl="1"/>
          <a:endParaRPr lang="he-IL"/>
        </a:p>
      </dgm:t>
    </dgm:pt>
    <dgm:pt modelId="{D9D144D7-43A1-4FCA-BEB0-76262F2118B0}" type="pres">
      <dgm:prSet presAssocID="{E51B2254-B7E2-44A5-AFAE-AEB97995C593}" presName="spaceA" presStyleCnt="0"/>
      <dgm:spPr/>
    </dgm:pt>
    <dgm:pt modelId="{9647E923-59D0-4642-879E-07AD4207008A}" type="pres">
      <dgm:prSet presAssocID="{25359311-4F86-4B7B-AFEF-47116354EC31}" presName="space" presStyleCnt="0"/>
      <dgm:spPr/>
    </dgm:pt>
    <dgm:pt modelId="{DCDDC560-23D6-4D3E-BAD6-19B49680387E}" type="pres">
      <dgm:prSet presAssocID="{1CB9845C-59D6-4692-B3E2-20A173367E61}" presName="compositeB" presStyleCnt="0"/>
      <dgm:spPr/>
    </dgm:pt>
    <dgm:pt modelId="{280BF636-56C2-4D74-9CC3-B9E90F49E574}" type="pres">
      <dgm:prSet presAssocID="{1CB9845C-59D6-4692-B3E2-20A173367E61}" presName="textB" presStyleLbl="revTx" presStyleIdx="3" presStyleCnt="6" custScaleX="174762" custLinFactNeighborX="71271" custLinFactNeighborY="-22385">
        <dgm:presLayoutVars>
          <dgm:bulletEnabled val="1"/>
        </dgm:presLayoutVars>
      </dgm:prSet>
      <dgm:spPr/>
      <dgm:t>
        <a:bodyPr/>
        <a:lstStyle/>
        <a:p>
          <a:pPr rtl="1"/>
          <a:endParaRPr lang="he-IL"/>
        </a:p>
      </dgm:t>
    </dgm:pt>
    <dgm:pt modelId="{E76B3D1B-AAFE-465C-BFA5-BBBE20E5BFFB}" type="pres">
      <dgm:prSet presAssocID="{1CB9845C-59D6-4692-B3E2-20A173367E61}" presName="circleB" presStyleLbl="node1" presStyleIdx="3" presStyleCnt="6" custLinFactX="219877" custLinFactY="118132" custLinFactNeighborX="300000" custLinFactNeighborY="200000"/>
      <dgm:spPr/>
    </dgm:pt>
    <dgm:pt modelId="{074C7155-7647-4740-A8CD-0FC74C41F86E}" type="pres">
      <dgm:prSet presAssocID="{1CB9845C-59D6-4692-B3E2-20A173367E61}" presName="spaceB" presStyleCnt="0"/>
      <dgm:spPr/>
    </dgm:pt>
    <dgm:pt modelId="{F38FCA80-6474-4ADB-82B7-DA4C7EEFEA2A}" type="pres">
      <dgm:prSet presAssocID="{63A45049-A5D5-42A8-87CA-907A42C78F47}" presName="space" presStyleCnt="0"/>
      <dgm:spPr/>
    </dgm:pt>
    <dgm:pt modelId="{C86206EC-A795-488B-8C3A-74A18B619D28}" type="pres">
      <dgm:prSet presAssocID="{6C0BC34E-A2AC-4385-A90F-61AA9CC89A18}" presName="compositeA" presStyleCnt="0"/>
      <dgm:spPr/>
    </dgm:pt>
    <dgm:pt modelId="{A237C98D-5B85-420A-97A8-DC2EF16E949F}" type="pres">
      <dgm:prSet presAssocID="{6C0BC34E-A2AC-4385-A90F-61AA9CC89A18}" presName="textA" presStyleLbl="revTx" presStyleIdx="4" presStyleCnt="6">
        <dgm:presLayoutVars>
          <dgm:bulletEnabled val="1"/>
        </dgm:presLayoutVars>
      </dgm:prSet>
      <dgm:spPr/>
    </dgm:pt>
    <dgm:pt modelId="{8D195FBB-886B-4612-B0C9-361404C1B53C}" type="pres">
      <dgm:prSet presAssocID="{6C0BC34E-A2AC-4385-A90F-61AA9CC89A18}" presName="circleA" presStyleLbl="node1" presStyleIdx="4" presStyleCnt="6" custLinFactX="246557" custLinFactY="106852" custLinFactNeighborX="300000" custLinFactNeighborY="200000"/>
      <dgm:spPr/>
    </dgm:pt>
    <dgm:pt modelId="{D665FCE4-0FE1-41A5-9A10-F7A8F3A69205}" type="pres">
      <dgm:prSet presAssocID="{6C0BC34E-A2AC-4385-A90F-61AA9CC89A18}" presName="spaceA" presStyleCnt="0"/>
      <dgm:spPr/>
    </dgm:pt>
    <dgm:pt modelId="{C01DDCD2-7FB6-475A-BFBF-953F1E27DDE8}" type="pres">
      <dgm:prSet presAssocID="{C39DCD92-2746-483F-A78A-7B7AA0B669D2}" presName="space" presStyleCnt="0"/>
      <dgm:spPr/>
    </dgm:pt>
    <dgm:pt modelId="{7D0F4DE7-8141-470C-A389-6685940AA272}" type="pres">
      <dgm:prSet presAssocID="{BC0C1C89-BA04-4F27-A001-DE3B352F44E7}" presName="compositeB" presStyleCnt="0"/>
      <dgm:spPr/>
    </dgm:pt>
    <dgm:pt modelId="{5A145D61-B26B-4023-AF13-09127DC233B7}" type="pres">
      <dgm:prSet presAssocID="{BC0C1C89-BA04-4F27-A001-DE3B352F44E7}" presName="textB" presStyleLbl="revTx" presStyleIdx="5" presStyleCnt="6" custScaleX="209692" custLinFactNeighborX="-30414" custLinFactNeighborY="-22534">
        <dgm:presLayoutVars>
          <dgm:bulletEnabled val="1"/>
        </dgm:presLayoutVars>
      </dgm:prSet>
      <dgm:spPr/>
    </dgm:pt>
    <dgm:pt modelId="{46B6076A-8910-47D7-AF53-BCF019F092C5}" type="pres">
      <dgm:prSet presAssocID="{BC0C1C89-BA04-4F27-A001-DE3B352F44E7}" presName="circleB" presStyleLbl="node1" presStyleIdx="5" presStyleCnt="6" custLinFactY="106852" custLinFactNeighborX="65054" custLinFactNeighborY="200000"/>
      <dgm:spPr/>
    </dgm:pt>
    <dgm:pt modelId="{F5E919BA-1C1B-4041-A675-5D7CAFBF3CF1}" type="pres">
      <dgm:prSet presAssocID="{BC0C1C89-BA04-4F27-A001-DE3B352F44E7}" presName="spaceB" presStyleCnt="0"/>
      <dgm:spPr/>
    </dgm:pt>
  </dgm:ptLst>
  <dgm:cxnLst>
    <dgm:cxn modelId="{B3F7B4FB-8C1C-459A-829F-955F4A273812}" srcId="{22D9774F-D8DC-4DFB-ACAA-61B3F7050D4B}" destId="{1CB9845C-59D6-4692-B3E2-20A173367E61}" srcOrd="3" destOrd="0" parTransId="{6CEB2262-C928-4729-BA03-C475BCF18B8B}" sibTransId="{63A45049-A5D5-42A8-87CA-907A42C78F47}"/>
    <dgm:cxn modelId="{C608E22E-8A2A-485E-A6C2-4C4EFD1E0797}" type="presOf" srcId="{E51B2254-B7E2-44A5-AFAE-AEB97995C593}" destId="{286C3BAC-782A-4C7E-A921-D5569BA65DD9}" srcOrd="0" destOrd="0" presId="urn:microsoft.com/office/officeart/2005/8/layout/hProcess11"/>
    <dgm:cxn modelId="{4E0435DD-568F-41F8-9007-9D6A541D5196}" type="presOf" srcId="{1CB9845C-59D6-4692-B3E2-20A173367E61}" destId="{280BF636-56C2-4D74-9CC3-B9E90F49E574}" srcOrd="0" destOrd="0" presId="urn:microsoft.com/office/officeart/2005/8/layout/hProcess11"/>
    <dgm:cxn modelId="{0D2D7C52-275B-440E-BF98-EDADF4E8AA00}" type="presOf" srcId="{6C740251-3E5B-4200-9247-40FB92E50910}" destId="{EC5DC4F4-70A6-4EF4-BE55-AB97F578926A}" srcOrd="0" destOrd="0" presId="urn:microsoft.com/office/officeart/2005/8/layout/hProcess11"/>
    <dgm:cxn modelId="{3D781516-9DFF-4384-A873-D39ACD1FA841}" type="presOf" srcId="{22D9774F-D8DC-4DFB-ACAA-61B3F7050D4B}" destId="{D2DD0C95-2378-467A-A0D3-BD1E8BF13EA1}" srcOrd="0" destOrd="0" presId="urn:microsoft.com/office/officeart/2005/8/layout/hProcess11"/>
    <dgm:cxn modelId="{8E407B1B-7550-4A9D-83E4-D185F2F8B602}" srcId="{22D9774F-D8DC-4DFB-ACAA-61B3F7050D4B}" destId="{E51B2254-B7E2-44A5-AFAE-AEB97995C593}" srcOrd="2" destOrd="0" parTransId="{3A52F5A8-4F1A-4E47-84FB-AD5B3B27766C}" sibTransId="{25359311-4F86-4B7B-AFEF-47116354EC31}"/>
    <dgm:cxn modelId="{3E65CC26-9C44-4322-89F1-AEC268677C7D}" srcId="{22D9774F-D8DC-4DFB-ACAA-61B3F7050D4B}" destId="{BC0C1C89-BA04-4F27-A001-DE3B352F44E7}" srcOrd="5" destOrd="0" parTransId="{F92C3665-E4BB-4C3A-804E-098A32616D08}" sibTransId="{5BDC8B9D-20DE-41DD-A7F8-AEAAB99B9463}"/>
    <dgm:cxn modelId="{C14C0E70-F81F-4977-B0A2-920F5CD9A2EE}" srcId="{22D9774F-D8DC-4DFB-ACAA-61B3F7050D4B}" destId="{6C0BC34E-A2AC-4385-A90F-61AA9CC89A18}" srcOrd="4" destOrd="0" parTransId="{BCE3FB1F-C419-442D-A300-D24518653669}" sibTransId="{C39DCD92-2746-483F-A78A-7B7AA0B669D2}"/>
    <dgm:cxn modelId="{FA6D9523-3A3F-4ECE-97CD-D643725FC7CF}" type="presOf" srcId="{F82A7C1D-0750-4AA3-9003-940E3973D274}" destId="{C2313BE9-9F97-4575-B44A-1DA40AA15139}" srcOrd="0" destOrd="0" presId="urn:microsoft.com/office/officeart/2005/8/layout/hProcess11"/>
    <dgm:cxn modelId="{0100FD41-01E9-4F24-A459-1DEB3FDF540B}" srcId="{22D9774F-D8DC-4DFB-ACAA-61B3F7050D4B}" destId="{6C740251-3E5B-4200-9247-40FB92E50910}" srcOrd="1" destOrd="0" parTransId="{795ADCAA-A005-4E0E-AA9A-F24C3DA54A7A}" sibTransId="{A0703211-B1ED-497D-B67D-572D03C7F174}"/>
    <dgm:cxn modelId="{94516CB3-0B3F-4CD8-AB2C-7C30FD88CAF0}" srcId="{22D9774F-D8DC-4DFB-ACAA-61B3F7050D4B}" destId="{F82A7C1D-0750-4AA3-9003-940E3973D274}" srcOrd="0" destOrd="0" parTransId="{65B4BBAB-511F-467B-BC7F-3E5CB1DC237C}" sibTransId="{FE420BB9-BB5E-461C-B5E6-94377028F987}"/>
    <dgm:cxn modelId="{BB06F2B4-4496-479C-AB8B-D3DF636AA611}" type="presOf" srcId="{BC0C1C89-BA04-4F27-A001-DE3B352F44E7}" destId="{5A145D61-B26B-4023-AF13-09127DC233B7}" srcOrd="0" destOrd="0" presId="urn:microsoft.com/office/officeart/2005/8/layout/hProcess11"/>
    <dgm:cxn modelId="{4667C370-AE20-4786-BAAA-58C7389305C8}" type="presOf" srcId="{6C0BC34E-A2AC-4385-A90F-61AA9CC89A18}" destId="{A237C98D-5B85-420A-97A8-DC2EF16E949F}" srcOrd="0" destOrd="0" presId="urn:microsoft.com/office/officeart/2005/8/layout/hProcess11"/>
    <dgm:cxn modelId="{4B213536-602A-45D0-AB6C-5CA3C1E60B02}" type="presParOf" srcId="{D2DD0C95-2378-467A-A0D3-BD1E8BF13EA1}" destId="{0FFFBE4A-6652-4F87-8006-869213A758AC}" srcOrd="0" destOrd="0" presId="urn:microsoft.com/office/officeart/2005/8/layout/hProcess11"/>
    <dgm:cxn modelId="{F6FC0E27-B3E5-44E8-8F82-4DABF6484E2D}" type="presParOf" srcId="{D2DD0C95-2378-467A-A0D3-BD1E8BF13EA1}" destId="{8E53DDD8-8632-440F-89AB-F5D97F506872}" srcOrd="1" destOrd="0" presId="urn:microsoft.com/office/officeart/2005/8/layout/hProcess11"/>
    <dgm:cxn modelId="{224AB122-35FB-40F7-BA13-D7C38444DEC3}" type="presParOf" srcId="{8E53DDD8-8632-440F-89AB-F5D97F506872}" destId="{8C5A19A0-1343-47BC-86C4-865AEC415C92}" srcOrd="0" destOrd="0" presId="urn:microsoft.com/office/officeart/2005/8/layout/hProcess11"/>
    <dgm:cxn modelId="{F1AA968A-5120-40D0-BAFE-3F6147F99752}" type="presParOf" srcId="{8C5A19A0-1343-47BC-86C4-865AEC415C92}" destId="{C2313BE9-9F97-4575-B44A-1DA40AA15139}" srcOrd="0" destOrd="0" presId="urn:microsoft.com/office/officeart/2005/8/layout/hProcess11"/>
    <dgm:cxn modelId="{BC78D505-8469-40E2-B4E4-4ECC6828628C}" type="presParOf" srcId="{8C5A19A0-1343-47BC-86C4-865AEC415C92}" destId="{A5A9C167-812C-4413-9DFC-7996CD81CB95}" srcOrd="1" destOrd="0" presId="urn:microsoft.com/office/officeart/2005/8/layout/hProcess11"/>
    <dgm:cxn modelId="{EBD9B3E2-E2AF-4938-B721-BF07AE9484DA}" type="presParOf" srcId="{8C5A19A0-1343-47BC-86C4-865AEC415C92}" destId="{CAD2F78D-6854-4110-8206-FFAD72910BC6}" srcOrd="2" destOrd="0" presId="urn:microsoft.com/office/officeart/2005/8/layout/hProcess11"/>
    <dgm:cxn modelId="{76EA955F-4383-4A67-B82B-08D7146BDC40}" type="presParOf" srcId="{8E53DDD8-8632-440F-89AB-F5D97F506872}" destId="{D59DB497-73C6-46AF-AD39-D1721CD2C0B6}" srcOrd="1" destOrd="0" presId="urn:microsoft.com/office/officeart/2005/8/layout/hProcess11"/>
    <dgm:cxn modelId="{2A41F2FF-C05F-4C4E-AF39-2BAB8BA95B0C}" type="presParOf" srcId="{8E53DDD8-8632-440F-89AB-F5D97F506872}" destId="{8D9D8B56-67E1-4720-AE40-F21D87F2A50B}" srcOrd="2" destOrd="0" presId="urn:microsoft.com/office/officeart/2005/8/layout/hProcess11"/>
    <dgm:cxn modelId="{9BED7F5D-DB0C-41CA-8DE3-2FF61BDCADBF}" type="presParOf" srcId="{8D9D8B56-67E1-4720-AE40-F21D87F2A50B}" destId="{EC5DC4F4-70A6-4EF4-BE55-AB97F578926A}" srcOrd="0" destOrd="0" presId="urn:microsoft.com/office/officeart/2005/8/layout/hProcess11"/>
    <dgm:cxn modelId="{917F33C6-1294-4C48-B754-E8DDFAEB2904}" type="presParOf" srcId="{8D9D8B56-67E1-4720-AE40-F21D87F2A50B}" destId="{E9E74DD4-9D80-4F5B-B2E4-5C5A33F033CE}" srcOrd="1" destOrd="0" presId="urn:microsoft.com/office/officeart/2005/8/layout/hProcess11"/>
    <dgm:cxn modelId="{BB1D514D-52D6-452B-BE75-0BBC9EED56D4}" type="presParOf" srcId="{8D9D8B56-67E1-4720-AE40-F21D87F2A50B}" destId="{C03ECB09-0AF5-4938-ACE3-91F240A46E45}" srcOrd="2" destOrd="0" presId="urn:microsoft.com/office/officeart/2005/8/layout/hProcess11"/>
    <dgm:cxn modelId="{CCA506B5-48F4-40F7-BC25-AA016D72055F}" type="presParOf" srcId="{8E53DDD8-8632-440F-89AB-F5D97F506872}" destId="{9609BE52-C599-437B-BEF9-3DB017EAEB46}" srcOrd="3" destOrd="0" presId="urn:microsoft.com/office/officeart/2005/8/layout/hProcess11"/>
    <dgm:cxn modelId="{98312DC3-27D6-44B7-B18F-3052696B94A1}" type="presParOf" srcId="{8E53DDD8-8632-440F-89AB-F5D97F506872}" destId="{C54C5418-3040-41F3-9782-3E8E7C29C5A1}" srcOrd="4" destOrd="0" presId="urn:microsoft.com/office/officeart/2005/8/layout/hProcess11"/>
    <dgm:cxn modelId="{4B4DA82F-98B5-490B-9ECD-FF0A75179DEF}" type="presParOf" srcId="{C54C5418-3040-41F3-9782-3E8E7C29C5A1}" destId="{286C3BAC-782A-4C7E-A921-D5569BA65DD9}" srcOrd="0" destOrd="0" presId="urn:microsoft.com/office/officeart/2005/8/layout/hProcess11"/>
    <dgm:cxn modelId="{C03E8F84-A54E-4E0B-8C21-9DCDF1C9D2D8}" type="presParOf" srcId="{C54C5418-3040-41F3-9782-3E8E7C29C5A1}" destId="{682FE366-C000-41C9-9EEB-B1F529CAD5C3}" srcOrd="1" destOrd="0" presId="urn:microsoft.com/office/officeart/2005/8/layout/hProcess11"/>
    <dgm:cxn modelId="{EE77CC5D-854D-414C-A87D-95D187FE1C53}" type="presParOf" srcId="{C54C5418-3040-41F3-9782-3E8E7C29C5A1}" destId="{D9D144D7-43A1-4FCA-BEB0-76262F2118B0}" srcOrd="2" destOrd="0" presId="urn:microsoft.com/office/officeart/2005/8/layout/hProcess11"/>
    <dgm:cxn modelId="{6D863F76-DB88-45AB-9808-FE6C9838285A}" type="presParOf" srcId="{8E53DDD8-8632-440F-89AB-F5D97F506872}" destId="{9647E923-59D0-4642-879E-07AD4207008A}" srcOrd="5" destOrd="0" presId="urn:microsoft.com/office/officeart/2005/8/layout/hProcess11"/>
    <dgm:cxn modelId="{A53FA5BD-02C7-41E9-89AB-C3FEA89348C0}" type="presParOf" srcId="{8E53DDD8-8632-440F-89AB-F5D97F506872}" destId="{DCDDC560-23D6-4D3E-BAD6-19B49680387E}" srcOrd="6" destOrd="0" presId="urn:microsoft.com/office/officeart/2005/8/layout/hProcess11"/>
    <dgm:cxn modelId="{BE0517FF-B5F0-4333-96F5-535A0A82F912}" type="presParOf" srcId="{DCDDC560-23D6-4D3E-BAD6-19B49680387E}" destId="{280BF636-56C2-4D74-9CC3-B9E90F49E574}" srcOrd="0" destOrd="0" presId="urn:microsoft.com/office/officeart/2005/8/layout/hProcess11"/>
    <dgm:cxn modelId="{40E73698-6C1D-490B-A5B2-47F72DAC67B9}" type="presParOf" srcId="{DCDDC560-23D6-4D3E-BAD6-19B49680387E}" destId="{E76B3D1B-AAFE-465C-BFA5-BBBE20E5BFFB}" srcOrd="1" destOrd="0" presId="urn:microsoft.com/office/officeart/2005/8/layout/hProcess11"/>
    <dgm:cxn modelId="{79045218-11E2-4FED-A0DB-3BD834F700DA}" type="presParOf" srcId="{DCDDC560-23D6-4D3E-BAD6-19B49680387E}" destId="{074C7155-7647-4740-A8CD-0FC74C41F86E}" srcOrd="2" destOrd="0" presId="urn:microsoft.com/office/officeart/2005/8/layout/hProcess11"/>
    <dgm:cxn modelId="{65E428E8-40C4-4425-A87B-AC582CA8BDCF}" type="presParOf" srcId="{8E53DDD8-8632-440F-89AB-F5D97F506872}" destId="{F38FCA80-6474-4ADB-82B7-DA4C7EEFEA2A}" srcOrd="7" destOrd="0" presId="urn:microsoft.com/office/officeart/2005/8/layout/hProcess11"/>
    <dgm:cxn modelId="{078D8EDA-38C9-48F7-9861-05B37F0AA6F7}" type="presParOf" srcId="{8E53DDD8-8632-440F-89AB-F5D97F506872}" destId="{C86206EC-A795-488B-8C3A-74A18B619D28}" srcOrd="8" destOrd="0" presId="urn:microsoft.com/office/officeart/2005/8/layout/hProcess11"/>
    <dgm:cxn modelId="{2D6782AB-7452-4C1D-B6DD-44C087537192}" type="presParOf" srcId="{C86206EC-A795-488B-8C3A-74A18B619D28}" destId="{A237C98D-5B85-420A-97A8-DC2EF16E949F}" srcOrd="0" destOrd="0" presId="urn:microsoft.com/office/officeart/2005/8/layout/hProcess11"/>
    <dgm:cxn modelId="{C447989E-979D-4037-87CB-4AB31F689EDC}" type="presParOf" srcId="{C86206EC-A795-488B-8C3A-74A18B619D28}" destId="{8D195FBB-886B-4612-B0C9-361404C1B53C}" srcOrd="1" destOrd="0" presId="urn:microsoft.com/office/officeart/2005/8/layout/hProcess11"/>
    <dgm:cxn modelId="{402328FE-1504-4B6A-AC39-3D79D827B99E}" type="presParOf" srcId="{C86206EC-A795-488B-8C3A-74A18B619D28}" destId="{D665FCE4-0FE1-41A5-9A10-F7A8F3A69205}" srcOrd="2" destOrd="0" presId="urn:microsoft.com/office/officeart/2005/8/layout/hProcess11"/>
    <dgm:cxn modelId="{C0AD09B2-9655-4E6D-AD2A-E4A7F20F4EBD}" type="presParOf" srcId="{8E53DDD8-8632-440F-89AB-F5D97F506872}" destId="{C01DDCD2-7FB6-475A-BFBF-953F1E27DDE8}" srcOrd="9" destOrd="0" presId="urn:microsoft.com/office/officeart/2005/8/layout/hProcess11"/>
    <dgm:cxn modelId="{08082EE3-0F35-4E3D-B604-2D2BC0A1F068}" type="presParOf" srcId="{8E53DDD8-8632-440F-89AB-F5D97F506872}" destId="{7D0F4DE7-8141-470C-A389-6685940AA272}" srcOrd="10" destOrd="0" presId="urn:microsoft.com/office/officeart/2005/8/layout/hProcess11"/>
    <dgm:cxn modelId="{6E161939-005A-49E5-A99B-C9A5F56FC979}" type="presParOf" srcId="{7D0F4DE7-8141-470C-A389-6685940AA272}" destId="{5A145D61-B26B-4023-AF13-09127DC233B7}" srcOrd="0" destOrd="0" presId="urn:microsoft.com/office/officeart/2005/8/layout/hProcess11"/>
    <dgm:cxn modelId="{541A2CC9-8C9E-496F-A114-6C3B78816235}" type="presParOf" srcId="{7D0F4DE7-8141-470C-A389-6685940AA272}" destId="{46B6076A-8910-47D7-AF53-BCF019F092C5}" srcOrd="1" destOrd="0" presId="urn:microsoft.com/office/officeart/2005/8/layout/hProcess11"/>
    <dgm:cxn modelId="{7D58AE1C-4890-4045-8734-012EDF35C6AC}" type="presParOf" srcId="{7D0F4DE7-8141-470C-A389-6685940AA272}" destId="{F5E919BA-1C1B-4041-A675-5D7CAFBF3CF1}" srcOrd="2" destOrd="0" presId="urn:microsoft.com/office/officeart/2005/8/layout/hProcess11"/>
  </dgm:cxnLst>
  <dgm:bg/>
  <dgm:whole/>
  <dgm:extLst>
    <a:ext uri="http://schemas.microsoft.com/office/drawing/2008/diagram">
      <dsp:dataModelExt xmlns:dsp="http://schemas.microsoft.com/office/drawing/2008/diagram" relId="rId75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436FCC67-15C4-450E-AFD0-98AF650AE9CB}" type="doc">
      <dgm:prSet loTypeId="urn:microsoft.com/office/officeart/2005/8/layout/lProcess3" loCatId="process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34FA45F9-0405-4AF6-9221-ED2D1E26F090}">
      <dgm:prSet phldrT="[טקסט]" custT="1"/>
      <dgm:spPr/>
      <dgm:t>
        <a:bodyPr anchor="t"/>
        <a:lstStyle/>
        <a:p>
          <a:r>
            <a:rPr lang="he-IL" sz="1600" b="1" u="sng" dirty="0" smtClean="0"/>
            <a:t>שלב החקירה</a:t>
          </a:r>
        </a:p>
        <a:p>
          <a:r>
            <a:rPr lang="he-IL" sz="1400" b="0" u="none" dirty="0" smtClean="0"/>
            <a:t>אסטרטגיה מכוננת</a:t>
          </a:r>
        </a:p>
        <a:p>
          <a:r>
            <a:rPr lang="he-IL" sz="1400" b="0" u="none" dirty="0" smtClean="0"/>
            <a:t>הצגת ביניים –</a:t>
          </a:r>
        </a:p>
        <a:p>
          <a:r>
            <a:rPr lang="he-IL" sz="1400" b="0" u="none" dirty="0" smtClean="0"/>
            <a:t>תפיסה גלובלית, </a:t>
          </a:r>
        </a:p>
        <a:p>
          <a:r>
            <a:rPr lang="he-IL" sz="1400" b="0" u="none" dirty="0" smtClean="0"/>
            <a:t>מערכת של מערכות</a:t>
          </a:r>
        </a:p>
        <a:p>
          <a:endParaRPr lang="en-US" sz="1400" dirty="0"/>
        </a:p>
      </dgm:t>
    </dgm:pt>
    <dgm:pt modelId="{001578A1-54CF-4CCD-9413-B88F5CF3AE1B}" type="parTrans" cxnId="{109491DC-EDF1-429A-93E6-DE98496342E6}">
      <dgm:prSet/>
      <dgm:spPr/>
      <dgm:t>
        <a:bodyPr/>
        <a:lstStyle/>
        <a:p>
          <a:endParaRPr lang="en-US"/>
        </a:p>
      </dgm:t>
    </dgm:pt>
    <dgm:pt modelId="{23A64E12-5C7A-472C-96AD-A7D6FB129226}" type="sibTrans" cxnId="{109491DC-EDF1-429A-93E6-DE98496342E6}">
      <dgm:prSet/>
      <dgm:spPr/>
      <dgm:t>
        <a:bodyPr/>
        <a:lstStyle/>
        <a:p>
          <a:endParaRPr lang="en-US"/>
        </a:p>
      </dgm:t>
    </dgm:pt>
    <dgm:pt modelId="{F3AD619B-7FE8-4ACF-9F4A-F9619A59EFEF}">
      <dgm:prSet phldrT="[טקסט]" custT="1"/>
      <dgm:spPr/>
      <dgm:t>
        <a:bodyPr anchor="t"/>
        <a:lstStyle/>
        <a:p>
          <a:r>
            <a:rPr lang="he-IL" sz="1600" b="1" u="sng" dirty="0" smtClean="0"/>
            <a:t>שלב תכנון </a:t>
          </a:r>
          <a:endParaRPr lang="he-IL" sz="1600" b="1" u="sng" dirty="0" smtClean="0"/>
        </a:p>
        <a:p>
          <a:r>
            <a:rPr lang="he-IL" sz="1600" b="1" u="sng" dirty="0" smtClean="0"/>
            <a:t>מערכה</a:t>
          </a:r>
          <a:endParaRPr lang="he-IL" sz="1600" b="1" u="sng" dirty="0" smtClean="0"/>
        </a:p>
        <a:p>
          <a:r>
            <a:rPr lang="he-IL" sz="1400" b="0" u="none" dirty="0" smtClean="0"/>
            <a:t>מערכה אופרטיבית מאפשרת (לאור תרחיש)</a:t>
          </a:r>
          <a:endParaRPr lang="he-IL" sz="1400" b="0" u="none" dirty="0" smtClean="0"/>
        </a:p>
        <a:p>
          <a:endParaRPr lang="en-US" sz="1400" b="0" u="none" dirty="0"/>
        </a:p>
      </dgm:t>
    </dgm:pt>
    <dgm:pt modelId="{04E6FB1B-DF83-4297-BC4F-7A084C0CCEC9}" type="parTrans" cxnId="{BBF248A2-7BCD-4A37-B30B-4CD734D3DE80}">
      <dgm:prSet/>
      <dgm:spPr/>
      <dgm:t>
        <a:bodyPr/>
        <a:lstStyle/>
        <a:p>
          <a:endParaRPr lang="en-US"/>
        </a:p>
      </dgm:t>
    </dgm:pt>
    <dgm:pt modelId="{8F3DB4B4-71D3-4590-9C90-D6368B6FDD84}" type="sibTrans" cxnId="{BBF248A2-7BCD-4A37-B30B-4CD734D3DE80}">
      <dgm:prSet/>
      <dgm:spPr/>
      <dgm:t>
        <a:bodyPr/>
        <a:lstStyle/>
        <a:p>
          <a:endParaRPr lang="en-US"/>
        </a:p>
      </dgm:t>
    </dgm:pt>
    <dgm:pt modelId="{890DF919-E961-4411-BE53-16F51F6DAE3C}">
      <dgm:prSet phldrT="[טקסט]" custT="1"/>
      <dgm:spPr/>
      <dgm:t>
        <a:bodyPr anchor="t"/>
        <a:lstStyle/>
        <a:p>
          <a:r>
            <a:rPr lang="he-IL" sz="1600" b="1" u="sng" dirty="0" smtClean="0"/>
            <a:t>שלב </a:t>
          </a:r>
          <a:r>
            <a:rPr lang="he-IL" sz="1600" b="1" u="sng" dirty="0" smtClean="0"/>
            <a:t>הסימולציה</a:t>
          </a:r>
        </a:p>
        <a:p>
          <a:r>
            <a:rPr lang="he-IL" sz="1400" b="0" u="none" dirty="0" smtClean="0"/>
            <a:t>מימוש התוכנית </a:t>
          </a:r>
        </a:p>
        <a:p>
          <a:r>
            <a:rPr lang="he-IL" sz="1400" b="0" u="none" dirty="0" smtClean="0"/>
            <a:t>המערכתית</a:t>
          </a:r>
        </a:p>
        <a:p>
          <a:pPr rtl="1"/>
          <a:r>
            <a:rPr lang="en-US" sz="1400" b="0" u="none" dirty="0" smtClean="0"/>
            <a:t>Reframing </a:t>
          </a:r>
        </a:p>
        <a:p>
          <a:pPr rtl="1"/>
          <a:r>
            <a:rPr lang="he-IL" sz="1400" b="0" u="none" dirty="0" smtClean="0"/>
            <a:t>מימוש </a:t>
          </a:r>
          <a:r>
            <a:rPr lang="he-IL" sz="1400" b="0" u="none" dirty="0" err="1" smtClean="0"/>
            <a:t>תוכנית</a:t>
          </a:r>
          <a:r>
            <a:rPr lang="he-IL" sz="1400" b="0" u="none" dirty="0" smtClean="0"/>
            <a:t> מעודכנת</a:t>
          </a:r>
          <a:endParaRPr lang="he-IL" sz="1400" b="0" u="none" dirty="0" smtClean="0"/>
        </a:p>
      </dgm:t>
    </dgm:pt>
    <dgm:pt modelId="{89E53781-EEFC-4C08-870A-AEE3E1F33428}" type="parTrans" cxnId="{CAC63229-7F5E-483E-9435-35FE0B8B92FC}">
      <dgm:prSet/>
      <dgm:spPr/>
      <dgm:t>
        <a:bodyPr/>
        <a:lstStyle/>
        <a:p>
          <a:endParaRPr lang="en-US"/>
        </a:p>
      </dgm:t>
    </dgm:pt>
    <dgm:pt modelId="{CB3084CA-FD14-4EB8-B503-649B6F56F109}" type="sibTrans" cxnId="{CAC63229-7F5E-483E-9435-35FE0B8B92FC}">
      <dgm:prSet/>
      <dgm:spPr/>
      <dgm:t>
        <a:bodyPr/>
        <a:lstStyle/>
        <a:p>
          <a:endParaRPr lang="en-US"/>
        </a:p>
      </dgm:t>
    </dgm:pt>
    <dgm:pt modelId="{A06C102A-2B4B-4374-8A0F-24D0835C983C}">
      <dgm:prSet phldrT="[טקסט]" custT="1"/>
      <dgm:spPr/>
      <dgm:t>
        <a:bodyPr/>
        <a:lstStyle/>
        <a:p>
          <a:r>
            <a:rPr lang="he-IL" sz="2000" dirty="0" err="1" smtClean="0"/>
            <a:t>ורס</a:t>
          </a:r>
          <a:r>
            <a:rPr lang="he-IL" sz="2000" dirty="0" smtClean="0"/>
            <a:t> מודיעין</a:t>
          </a:r>
          <a:endParaRPr lang="en-US" sz="2000" dirty="0"/>
        </a:p>
      </dgm:t>
    </dgm:pt>
    <dgm:pt modelId="{1B8D2447-9723-4405-A8C8-4A6717598B68}" type="parTrans" cxnId="{1E45A2AD-DF96-4FAE-B199-B73051084DB3}">
      <dgm:prSet/>
      <dgm:spPr/>
      <dgm:t>
        <a:bodyPr/>
        <a:lstStyle/>
        <a:p>
          <a:endParaRPr lang="en-US"/>
        </a:p>
      </dgm:t>
    </dgm:pt>
    <dgm:pt modelId="{FDF8ED05-3906-4B2C-9281-F026ABC2975F}" type="sibTrans" cxnId="{1E45A2AD-DF96-4FAE-B199-B73051084DB3}">
      <dgm:prSet/>
      <dgm:spPr/>
      <dgm:t>
        <a:bodyPr/>
        <a:lstStyle/>
        <a:p>
          <a:endParaRPr lang="en-US"/>
        </a:p>
      </dgm:t>
    </dgm:pt>
    <dgm:pt modelId="{80F73C2E-4031-4609-8FD8-2DC9C212FFF1}">
      <dgm:prSet phldrT="[טקסט]" custT="1"/>
      <dgm:spPr/>
      <dgm:t>
        <a:bodyPr/>
        <a:lstStyle/>
        <a:p>
          <a:pPr algn="r"/>
          <a:r>
            <a:rPr lang="he-IL" sz="1600" dirty="0" smtClean="0"/>
            <a:t>ביקור במשרד החוץ</a:t>
          </a:r>
          <a:endParaRPr lang="en-US" sz="1600" dirty="0"/>
        </a:p>
      </dgm:t>
    </dgm:pt>
    <dgm:pt modelId="{CD02EE78-6CDF-4D66-A2D1-B992806F7624}" type="par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CE1E0E35-5504-45B5-B135-368E70D884A3}" type="sibTrans" cxnId="{287E0CCD-D648-4917-AA87-4404D51F3B98}">
      <dgm:prSet/>
      <dgm:spPr/>
      <dgm:t>
        <a:bodyPr/>
        <a:lstStyle/>
        <a:p>
          <a:pPr rtl="1"/>
          <a:endParaRPr lang="he-IL"/>
        </a:p>
      </dgm:t>
    </dgm:pt>
    <dgm:pt modelId="{94EF51AF-5805-4AAE-A8F2-8A5B397A3462}">
      <dgm:prSet phldrT="[טקסט]" custT="1"/>
      <dgm:spPr/>
      <dgm:t>
        <a:bodyPr/>
        <a:lstStyle/>
        <a:p>
          <a:r>
            <a:rPr lang="he-IL" sz="2000" dirty="0" smtClean="0"/>
            <a:t>קורס </a:t>
          </a:r>
          <a:r>
            <a:rPr lang="he-IL" sz="2000" dirty="0" err="1" smtClean="0"/>
            <a:t>מז"ת</a:t>
          </a:r>
          <a:endParaRPr lang="en-US" sz="2000" dirty="0"/>
        </a:p>
      </dgm:t>
    </dgm:pt>
    <dgm:pt modelId="{708AD5A7-7069-4CA5-A9CE-4EC9CEA7605E}" type="par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6425D029-F1B7-4317-9C30-3ECB6CAFB79C}" type="sibTrans" cxnId="{A4D548E0-4F90-459B-9FF2-BA13E0E2696C}">
      <dgm:prSet/>
      <dgm:spPr/>
      <dgm:t>
        <a:bodyPr/>
        <a:lstStyle/>
        <a:p>
          <a:pPr rtl="1"/>
          <a:endParaRPr lang="he-IL"/>
        </a:p>
      </dgm:t>
    </dgm:pt>
    <dgm:pt modelId="{19EBBD1C-3AB8-4FD3-ABDE-5332843420BD}">
      <dgm:prSet phldrT="[טקסט]"/>
      <dgm:spPr/>
      <dgm:t>
        <a:bodyPr/>
        <a:lstStyle/>
        <a:p>
          <a:r>
            <a:rPr lang="he-IL" dirty="0" smtClean="0"/>
            <a:t>סדנת משא ומתן 1-3/3</a:t>
          </a:r>
          <a:endParaRPr lang="en-US" dirty="0"/>
        </a:p>
      </dgm:t>
    </dgm:pt>
    <dgm:pt modelId="{5C27439D-D9D5-41B0-AB9F-B9F66501662E}" type="par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7256D187-E928-4531-B591-C3884CE0D2A9}" type="sibTrans" cxnId="{E0659A8B-F8AF-4BFB-BD36-D1C4BEE07EEE}">
      <dgm:prSet/>
      <dgm:spPr/>
      <dgm:t>
        <a:bodyPr/>
        <a:lstStyle/>
        <a:p>
          <a:pPr rtl="1"/>
          <a:endParaRPr lang="he-IL"/>
        </a:p>
      </dgm:t>
    </dgm:pt>
    <dgm:pt modelId="{F5C0F9D2-0AC0-490B-92DE-F105B6F79AF1}">
      <dgm:prSet phldrT="[טקסט]" custT="1"/>
      <dgm:spPr/>
      <dgm:t>
        <a:bodyPr anchor="t"/>
        <a:lstStyle/>
        <a:p>
          <a:r>
            <a:rPr lang="he-IL" sz="1600" b="1" u="sng" dirty="0" smtClean="0"/>
            <a:t>סיכום </a:t>
          </a:r>
        </a:p>
        <a:p>
          <a:r>
            <a:rPr lang="he-IL" sz="1600" b="1" u="sng" dirty="0" smtClean="0"/>
            <a:t>קורס</a:t>
          </a:r>
        </a:p>
        <a:p>
          <a:endParaRPr lang="he-IL" sz="1600" b="1" u="sng" dirty="0" smtClean="0"/>
        </a:p>
        <a:p>
          <a:r>
            <a:rPr lang="he-IL" sz="1600" b="1" u="sng" dirty="0" smtClean="0"/>
            <a:t> אסטרטגיה</a:t>
          </a:r>
          <a:endParaRPr lang="en-US" sz="1600" b="1" u="sng" dirty="0"/>
        </a:p>
      </dgm:t>
    </dgm:pt>
    <dgm:pt modelId="{46370F81-7B20-47ED-B4B4-4C326B824EB7}" type="sibTrans" cxnId="{066E7D3B-AA3B-4E5F-A5A4-5B1DCFD21B4C}">
      <dgm:prSet/>
      <dgm:spPr/>
      <dgm:t>
        <a:bodyPr/>
        <a:lstStyle/>
        <a:p>
          <a:endParaRPr lang="en-US"/>
        </a:p>
      </dgm:t>
    </dgm:pt>
    <dgm:pt modelId="{B2178330-2AB7-46E3-BC08-0DDA3CC399EA}" type="parTrans" cxnId="{066E7D3B-AA3B-4E5F-A5A4-5B1DCFD21B4C}">
      <dgm:prSet/>
      <dgm:spPr/>
      <dgm:t>
        <a:bodyPr/>
        <a:lstStyle/>
        <a:p>
          <a:endParaRPr lang="en-US"/>
        </a:p>
      </dgm:t>
    </dgm:pt>
    <dgm:pt modelId="{1072BCE2-7C47-43E3-92DE-474F2ACDAB20}" type="pres">
      <dgm:prSet presAssocID="{436FCC67-15C4-450E-AFD0-98AF650AE9CB}" presName="Name0" presStyleCnt="0">
        <dgm:presLayoutVars>
          <dgm:chPref val="3"/>
          <dgm:dir/>
          <dgm:animLvl val="lvl"/>
          <dgm:resizeHandles/>
        </dgm:presLayoutVars>
      </dgm:prSet>
      <dgm:spPr/>
      <dgm:t>
        <a:bodyPr/>
        <a:lstStyle/>
        <a:p>
          <a:endParaRPr lang="en-US"/>
        </a:p>
      </dgm:t>
    </dgm:pt>
    <dgm:pt modelId="{B7E8CB52-6450-4DFC-AA8C-A52F1CE5B0EB}" type="pres">
      <dgm:prSet presAssocID="{34FA45F9-0405-4AF6-9221-ED2D1E26F090}" presName="horFlow" presStyleCnt="0"/>
      <dgm:spPr/>
    </dgm:pt>
    <dgm:pt modelId="{643C57E6-D900-425E-AA00-F04D83AD529F}" type="pres">
      <dgm:prSet presAssocID="{34FA45F9-0405-4AF6-9221-ED2D1E26F090}" presName="bigChev" presStyleLbl="node1" presStyleIdx="0" presStyleCnt="6" custScaleX="262238" custScaleY="265684" custLinFactX="-2026" custLinFactY="40020" custLinFactNeighborX="-100000" custLinFactNeighborY="100000"/>
      <dgm:spPr/>
      <dgm:t>
        <a:bodyPr/>
        <a:lstStyle/>
        <a:p>
          <a:endParaRPr lang="en-US"/>
        </a:p>
      </dgm:t>
    </dgm:pt>
    <dgm:pt modelId="{1159BC91-9861-4453-894C-04BB1C5C58F9}" type="pres">
      <dgm:prSet presAssocID="{04E6FB1B-DF83-4297-BC4F-7A084C0CCEC9}" presName="parTrans" presStyleCnt="0"/>
      <dgm:spPr/>
    </dgm:pt>
    <dgm:pt modelId="{FBCDF05E-3288-4AE5-9E25-03B36AF69926}" type="pres">
      <dgm:prSet presAssocID="{F3AD619B-7FE8-4ACF-9F4A-F9619A59EFEF}" presName="node" presStyleLbl="alignAccFollowNode1" presStyleIdx="0" presStyleCnt="2" custScaleX="254841" custScaleY="321055" custLinFactX="-50355" custLinFactY="70720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E299350D-77A4-444A-A9AB-7341A2B96A5E}" type="pres">
      <dgm:prSet presAssocID="{8F3DB4B4-71D3-4590-9C90-D6368B6FDD84}" presName="sibTrans" presStyleCnt="0"/>
      <dgm:spPr/>
    </dgm:pt>
    <dgm:pt modelId="{DDB74CAC-6E26-45A0-9656-F23CDD57BC79}" type="pres">
      <dgm:prSet presAssocID="{890DF919-E961-4411-BE53-16F51F6DAE3C}" presName="node" presStyleLbl="alignAccFollowNode1" presStyleIdx="1" presStyleCnt="2" custScaleX="328581" custScaleY="314047" custLinFactX="-94633" custLinFactY="73311" custLinFactNeighborX="-100000" custLinFactNeighborY="100000">
        <dgm:presLayoutVars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5034AD49-F716-4FE8-8917-2D3E429752BA}" type="pres">
      <dgm:prSet presAssocID="{34FA45F9-0405-4AF6-9221-ED2D1E26F090}" presName="vSp" presStyleCnt="0"/>
      <dgm:spPr/>
    </dgm:pt>
    <dgm:pt modelId="{217ACBD3-7C83-44E4-A245-586657ACE62A}" type="pres">
      <dgm:prSet presAssocID="{F5C0F9D2-0AC0-490B-92DE-F105B6F79AF1}" presName="horFlow" presStyleCnt="0"/>
      <dgm:spPr/>
    </dgm:pt>
    <dgm:pt modelId="{C1389168-FD5C-4A39-90AA-D7CD3BE722B3}" type="pres">
      <dgm:prSet presAssocID="{F5C0F9D2-0AC0-490B-92DE-F105B6F79AF1}" presName="bigChev" presStyleLbl="node1" presStyleIdx="1" presStyleCnt="6" custScaleX="155131" custScaleY="116062" custLinFactX="300000" custLinFactY="100000" custLinFactNeighborX="311860" custLinFactNeighborY="177140"/>
      <dgm:spPr/>
      <dgm:t>
        <a:bodyPr/>
        <a:lstStyle/>
        <a:p>
          <a:pPr rtl="1"/>
          <a:endParaRPr lang="he-IL"/>
        </a:p>
      </dgm:t>
    </dgm:pt>
    <dgm:pt modelId="{93CEB6B8-10DD-4779-8409-24019F0E72BD}" type="pres">
      <dgm:prSet presAssocID="{F5C0F9D2-0AC0-490B-92DE-F105B6F79AF1}" presName="vSp" presStyleCnt="0"/>
      <dgm:spPr/>
    </dgm:pt>
    <dgm:pt modelId="{FE302490-2301-464F-8998-5BB3E53254C8}" type="pres">
      <dgm:prSet presAssocID="{A06C102A-2B4B-4374-8A0F-24D0835C983C}" presName="horFlow" presStyleCnt="0"/>
      <dgm:spPr/>
    </dgm:pt>
    <dgm:pt modelId="{6FE0960C-2B7C-434A-BA2A-A87C5C61618D}" type="pres">
      <dgm:prSet presAssocID="{A06C102A-2B4B-4374-8A0F-24D0835C983C}" presName="bigChev" presStyleLbl="node1" presStyleIdx="2" presStyleCnt="6" custScaleX="147640" custScaleY="65346" custLinFactY="80919" custLinFactNeighborX="-20346" custLinFactNeighborY="100000"/>
      <dgm:spPr/>
      <dgm:t>
        <a:bodyPr/>
        <a:lstStyle/>
        <a:p>
          <a:endParaRPr lang="en-US"/>
        </a:p>
      </dgm:t>
    </dgm:pt>
    <dgm:pt modelId="{8CFC3A3A-80BE-4247-9808-B89F53DEBD80}" type="pres">
      <dgm:prSet presAssocID="{A06C102A-2B4B-4374-8A0F-24D0835C983C}" presName="vSp" presStyleCnt="0"/>
      <dgm:spPr/>
    </dgm:pt>
    <dgm:pt modelId="{5FCCEE49-05BE-41DD-89AD-F3A24FC357C9}" type="pres">
      <dgm:prSet presAssocID="{80F73C2E-4031-4609-8FD8-2DC9C212FFF1}" presName="horFlow" presStyleCnt="0"/>
      <dgm:spPr/>
    </dgm:pt>
    <dgm:pt modelId="{74EE3F14-7A42-476E-8333-67D0E2B1A853}" type="pres">
      <dgm:prSet presAssocID="{80F73C2E-4031-4609-8FD8-2DC9C212FFF1}" presName="bigChev" presStyleLbl="node1" presStyleIdx="3" presStyleCnt="6" custScaleX="151664" custScaleY="47133" custLinFactX="100000" custLinFactY="10679" custLinFactNeighborX="118453" custLinFactNeighborY="100000"/>
      <dgm:spPr/>
      <dgm:t>
        <a:bodyPr/>
        <a:lstStyle/>
        <a:p>
          <a:pPr rtl="1"/>
          <a:endParaRPr lang="he-IL"/>
        </a:p>
      </dgm:t>
    </dgm:pt>
    <dgm:pt modelId="{10A27789-1BB6-4602-A377-5276C902E938}" type="pres">
      <dgm:prSet presAssocID="{80F73C2E-4031-4609-8FD8-2DC9C212FFF1}" presName="vSp" presStyleCnt="0"/>
      <dgm:spPr/>
    </dgm:pt>
    <dgm:pt modelId="{2DBE7CFE-BFFA-4C78-822E-0463E3E488A0}" type="pres">
      <dgm:prSet presAssocID="{94EF51AF-5805-4AAE-A8F2-8A5B397A3462}" presName="horFlow" presStyleCnt="0"/>
      <dgm:spPr/>
    </dgm:pt>
    <dgm:pt modelId="{F992B3D6-5BAE-434D-BA11-1F211770AD7A}" type="pres">
      <dgm:prSet presAssocID="{94EF51AF-5805-4AAE-A8F2-8A5B397A3462}" presName="bigChev" presStyleLbl="node1" presStyleIdx="4" presStyleCnt="6" custScaleY="85701" custLinFactX="18240" custLinFactNeighborX="100000" custLinFactNeighborY="30262"/>
      <dgm:spPr/>
      <dgm:t>
        <a:bodyPr/>
        <a:lstStyle/>
        <a:p>
          <a:pPr rtl="1"/>
          <a:endParaRPr lang="he-IL"/>
        </a:p>
      </dgm:t>
    </dgm:pt>
    <dgm:pt modelId="{657BCC6C-E60B-4A5B-B378-20CDC79865A4}" type="pres">
      <dgm:prSet presAssocID="{94EF51AF-5805-4AAE-A8F2-8A5B397A3462}" presName="vSp" presStyleCnt="0"/>
      <dgm:spPr/>
    </dgm:pt>
    <dgm:pt modelId="{EA503D34-B3A8-4F86-A967-D1A5DFC7110D}" type="pres">
      <dgm:prSet presAssocID="{19EBBD1C-3AB8-4FD3-ABDE-5332843420BD}" presName="horFlow" presStyleCnt="0"/>
      <dgm:spPr/>
    </dgm:pt>
    <dgm:pt modelId="{3CBA0A70-F9D4-415D-9C3D-E1E0A1C830A2}" type="pres">
      <dgm:prSet presAssocID="{19EBBD1C-3AB8-4FD3-ABDE-5332843420BD}" presName="bigChev" presStyleLbl="node1" presStyleIdx="5" presStyleCnt="6" custScaleX="151664" custScaleY="47133" custLinFactX="162489" custLinFactY="-4898" custLinFactNeighborX="200000" custLinFactNeighborY="-100000"/>
      <dgm:spPr/>
      <dgm:t>
        <a:bodyPr/>
        <a:lstStyle/>
        <a:p>
          <a:pPr rtl="1"/>
          <a:endParaRPr lang="he-IL"/>
        </a:p>
      </dgm:t>
    </dgm:pt>
  </dgm:ptLst>
  <dgm:cxnLst>
    <dgm:cxn modelId="{BBB17FDC-5580-4621-84A0-D93F32BBDA46}" type="presOf" srcId="{19EBBD1C-3AB8-4FD3-ABDE-5332843420BD}" destId="{3CBA0A70-F9D4-415D-9C3D-E1E0A1C830A2}" srcOrd="0" destOrd="0" presId="urn:microsoft.com/office/officeart/2005/8/layout/lProcess3"/>
    <dgm:cxn modelId="{BBF248A2-7BCD-4A37-B30B-4CD734D3DE80}" srcId="{34FA45F9-0405-4AF6-9221-ED2D1E26F090}" destId="{F3AD619B-7FE8-4ACF-9F4A-F9619A59EFEF}" srcOrd="0" destOrd="0" parTransId="{04E6FB1B-DF83-4297-BC4F-7A084C0CCEC9}" sibTransId="{8F3DB4B4-71D3-4590-9C90-D6368B6FDD84}"/>
    <dgm:cxn modelId="{109491DC-EDF1-429A-93E6-DE98496342E6}" srcId="{436FCC67-15C4-450E-AFD0-98AF650AE9CB}" destId="{34FA45F9-0405-4AF6-9221-ED2D1E26F090}" srcOrd="0" destOrd="0" parTransId="{001578A1-54CF-4CCD-9413-B88F5CF3AE1B}" sibTransId="{23A64E12-5C7A-472C-96AD-A7D6FB129226}"/>
    <dgm:cxn modelId="{1E45A2AD-DF96-4FAE-B199-B73051084DB3}" srcId="{436FCC67-15C4-450E-AFD0-98AF650AE9CB}" destId="{A06C102A-2B4B-4374-8A0F-24D0835C983C}" srcOrd="2" destOrd="0" parTransId="{1B8D2447-9723-4405-A8C8-4A6717598B68}" sibTransId="{FDF8ED05-3906-4B2C-9281-F026ABC2975F}"/>
    <dgm:cxn modelId="{287E0CCD-D648-4917-AA87-4404D51F3B98}" srcId="{436FCC67-15C4-450E-AFD0-98AF650AE9CB}" destId="{80F73C2E-4031-4609-8FD8-2DC9C212FFF1}" srcOrd="3" destOrd="0" parTransId="{CD02EE78-6CDF-4D66-A2D1-B992806F7624}" sibTransId="{CE1E0E35-5504-45B5-B135-368E70D884A3}"/>
    <dgm:cxn modelId="{ADE376FF-81AB-46F6-8819-4D2E2D4CAACB}" type="presOf" srcId="{80F73C2E-4031-4609-8FD8-2DC9C212FFF1}" destId="{74EE3F14-7A42-476E-8333-67D0E2B1A853}" srcOrd="0" destOrd="0" presId="urn:microsoft.com/office/officeart/2005/8/layout/lProcess3"/>
    <dgm:cxn modelId="{5C8FF5FC-E8D4-4D6F-91CA-FF7081EC3F8E}" type="presOf" srcId="{A06C102A-2B4B-4374-8A0F-24D0835C983C}" destId="{6FE0960C-2B7C-434A-BA2A-A87C5C61618D}" srcOrd="0" destOrd="0" presId="urn:microsoft.com/office/officeart/2005/8/layout/lProcess3"/>
    <dgm:cxn modelId="{066E7D3B-AA3B-4E5F-A5A4-5B1DCFD21B4C}" srcId="{436FCC67-15C4-450E-AFD0-98AF650AE9CB}" destId="{F5C0F9D2-0AC0-490B-92DE-F105B6F79AF1}" srcOrd="1" destOrd="0" parTransId="{B2178330-2AB7-46E3-BC08-0DDA3CC399EA}" sibTransId="{46370F81-7B20-47ED-B4B4-4C326B824EB7}"/>
    <dgm:cxn modelId="{A4D548E0-4F90-459B-9FF2-BA13E0E2696C}" srcId="{436FCC67-15C4-450E-AFD0-98AF650AE9CB}" destId="{94EF51AF-5805-4AAE-A8F2-8A5B397A3462}" srcOrd="4" destOrd="0" parTransId="{708AD5A7-7069-4CA5-A9CE-4EC9CEA7605E}" sibTransId="{6425D029-F1B7-4317-9C30-3ECB6CAFB79C}"/>
    <dgm:cxn modelId="{186C5E2D-639B-4A6F-973D-DD1D53D44E4C}" type="presOf" srcId="{F5C0F9D2-0AC0-490B-92DE-F105B6F79AF1}" destId="{C1389168-FD5C-4A39-90AA-D7CD3BE722B3}" srcOrd="0" destOrd="0" presId="urn:microsoft.com/office/officeart/2005/8/layout/lProcess3"/>
    <dgm:cxn modelId="{C0CF2AC3-4C9F-48F0-BDB8-9CB4A7049435}" type="presOf" srcId="{890DF919-E961-4411-BE53-16F51F6DAE3C}" destId="{DDB74CAC-6E26-45A0-9656-F23CDD57BC79}" srcOrd="0" destOrd="0" presId="urn:microsoft.com/office/officeart/2005/8/layout/lProcess3"/>
    <dgm:cxn modelId="{CAC63229-7F5E-483E-9435-35FE0B8B92FC}" srcId="{34FA45F9-0405-4AF6-9221-ED2D1E26F090}" destId="{890DF919-E961-4411-BE53-16F51F6DAE3C}" srcOrd="1" destOrd="0" parTransId="{89E53781-EEFC-4C08-870A-AEE3E1F33428}" sibTransId="{CB3084CA-FD14-4EB8-B503-649B6F56F109}"/>
    <dgm:cxn modelId="{E0659A8B-F8AF-4BFB-BD36-D1C4BEE07EEE}" srcId="{436FCC67-15C4-450E-AFD0-98AF650AE9CB}" destId="{19EBBD1C-3AB8-4FD3-ABDE-5332843420BD}" srcOrd="5" destOrd="0" parTransId="{5C27439D-D9D5-41B0-AB9F-B9F66501662E}" sibTransId="{7256D187-E928-4531-B591-C3884CE0D2A9}"/>
    <dgm:cxn modelId="{5935FBE3-CCCC-46CC-A2BE-2E079A27D69B}" type="presOf" srcId="{94EF51AF-5805-4AAE-A8F2-8A5B397A3462}" destId="{F992B3D6-5BAE-434D-BA11-1F211770AD7A}" srcOrd="0" destOrd="0" presId="urn:microsoft.com/office/officeart/2005/8/layout/lProcess3"/>
    <dgm:cxn modelId="{2BD7F684-095F-42F8-BA91-946E656028EB}" type="presOf" srcId="{436FCC67-15C4-450E-AFD0-98AF650AE9CB}" destId="{1072BCE2-7C47-43E3-92DE-474F2ACDAB20}" srcOrd="0" destOrd="0" presId="urn:microsoft.com/office/officeart/2005/8/layout/lProcess3"/>
    <dgm:cxn modelId="{A80C17FC-9D24-4942-8615-3C920E926900}" type="presOf" srcId="{F3AD619B-7FE8-4ACF-9F4A-F9619A59EFEF}" destId="{FBCDF05E-3288-4AE5-9E25-03B36AF69926}" srcOrd="0" destOrd="0" presId="urn:microsoft.com/office/officeart/2005/8/layout/lProcess3"/>
    <dgm:cxn modelId="{BCF53412-93C5-4147-AA2D-5CDE914BB851}" type="presOf" srcId="{34FA45F9-0405-4AF6-9221-ED2D1E26F090}" destId="{643C57E6-D900-425E-AA00-F04D83AD529F}" srcOrd="0" destOrd="0" presId="urn:microsoft.com/office/officeart/2005/8/layout/lProcess3"/>
    <dgm:cxn modelId="{889EA8E7-E70B-42EF-ACAA-7BF393996839}" type="presParOf" srcId="{1072BCE2-7C47-43E3-92DE-474F2ACDAB20}" destId="{B7E8CB52-6450-4DFC-AA8C-A52F1CE5B0EB}" srcOrd="0" destOrd="0" presId="urn:microsoft.com/office/officeart/2005/8/layout/lProcess3"/>
    <dgm:cxn modelId="{750D6C85-A9C4-4060-A55F-6DD8CF7387EA}" type="presParOf" srcId="{B7E8CB52-6450-4DFC-AA8C-A52F1CE5B0EB}" destId="{643C57E6-D900-425E-AA00-F04D83AD529F}" srcOrd="0" destOrd="0" presId="urn:microsoft.com/office/officeart/2005/8/layout/lProcess3"/>
    <dgm:cxn modelId="{4465D2BC-4008-466F-ABB9-840834F36341}" type="presParOf" srcId="{B7E8CB52-6450-4DFC-AA8C-A52F1CE5B0EB}" destId="{1159BC91-9861-4453-894C-04BB1C5C58F9}" srcOrd="1" destOrd="0" presId="urn:microsoft.com/office/officeart/2005/8/layout/lProcess3"/>
    <dgm:cxn modelId="{A60287E8-181A-4948-970D-619CA2E1BB0D}" type="presParOf" srcId="{B7E8CB52-6450-4DFC-AA8C-A52F1CE5B0EB}" destId="{FBCDF05E-3288-4AE5-9E25-03B36AF69926}" srcOrd="2" destOrd="0" presId="urn:microsoft.com/office/officeart/2005/8/layout/lProcess3"/>
    <dgm:cxn modelId="{09425E60-E5EA-4FE1-880C-452C52ACC47C}" type="presParOf" srcId="{B7E8CB52-6450-4DFC-AA8C-A52F1CE5B0EB}" destId="{E299350D-77A4-444A-A9AB-7341A2B96A5E}" srcOrd="3" destOrd="0" presId="urn:microsoft.com/office/officeart/2005/8/layout/lProcess3"/>
    <dgm:cxn modelId="{90658838-83AA-47EA-B06F-4C79EE07E078}" type="presParOf" srcId="{B7E8CB52-6450-4DFC-AA8C-A52F1CE5B0EB}" destId="{DDB74CAC-6E26-45A0-9656-F23CDD57BC79}" srcOrd="4" destOrd="0" presId="urn:microsoft.com/office/officeart/2005/8/layout/lProcess3"/>
    <dgm:cxn modelId="{8054886E-0E81-4832-9F7C-9BF45E393B97}" type="presParOf" srcId="{1072BCE2-7C47-43E3-92DE-474F2ACDAB20}" destId="{5034AD49-F716-4FE8-8917-2D3E429752BA}" srcOrd="1" destOrd="0" presId="urn:microsoft.com/office/officeart/2005/8/layout/lProcess3"/>
    <dgm:cxn modelId="{DAE7DA9B-4F1A-4CFD-BD43-C6CAEDF71C3D}" type="presParOf" srcId="{1072BCE2-7C47-43E3-92DE-474F2ACDAB20}" destId="{217ACBD3-7C83-44E4-A245-586657ACE62A}" srcOrd="2" destOrd="0" presId="urn:microsoft.com/office/officeart/2005/8/layout/lProcess3"/>
    <dgm:cxn modelId="{3451676D-FB82-40C0-972F-C99153FF91DD}" type="presParOf" srcId="{217ACBD3-7C83-44E4-A245-586657ACE62A}" destId="{C1389168-FD5C-4A39-90AA-D7CD3BE722B3}" srcOrd="0" destOrd="0" presId="urn:microsoft.com/office/officeart/2005/8/layout/lProcess3"/>
    <dgm:cxn modelId="{1633D173-A2BC-4257-99CA-5CCDAA0F591C}" type="presParOf" srcId="{1072BCE2-7C47-43E3-92DE-474F2ACDAB20}" destId="{93CEB6B8-10DD-4779-8409-24019F0E72BD}" srcOrd="3" destOrd="0" presId="urn:microsoft.com/office/officeart/2005/8/layout/lProcess3"/>
    <dgm:cxn modelId="{3C0C6D3F-289F-49BA-96B4-27F7F4080A3B}" type="presParOf" srcId="{1072BCE2-7C47-43E3-92DE-474F2ACDAB20}" destId="{FE302490-2301-464F-8998-5BB3E53254C8}" srcOrd="4" destOrd="0" presId="urn:microsoft.com/office/officeart/2005/8/layout/lProcess3"/>
    <dgm:cxn modelId="{460853AE-C86D-480A-87C6-F07CF2A26584}" type="presParOf" srcId="{FE302490-2301-464F-8998-5BB3E53254C8}" destId="{6FE0960C-2B7C-434A-BA2A-A87C5C61618D}" srcOrd="0" destOrd="0" presId="urn:microsoft.com/office/officeart/2005/8/layout/lProcess3"/>
    <dgm:cxn modelId="{4E7FA7A2-0B1A-4AA9-A341-D34A35075161}" type="presParOf" srcId="{1072BCE2-7C47-43E3-92DE-474F2ACDAB20}" destId="{8CFC3A3A-80BE-4247-9808-B89F53DEBD80}" srcOrd="5" destOrd="0" presId="urn:microsoft.com/office/officeart/2005/8/layout/lProcess3"/>
    <dgm:cxn modelId="{5B48D1F0-4265-483C-B7D8-4C8564103D1C}" type="presParOf" srcId="{1072BCE2-7C47-43E3-92DE-474F2ACDAB20}" destId="{5FCCEE49-05BE-41DD-89AD-F3A24FC357C9}" srcOrd="6" destOrd="0" presId="urn:microsoft.com/office/officeart/2005/8/layout/lProcess3"/>
    <dgm:cxn modelId="{5761F2F5-6D0F-4D26-A763-B001EC686EA3}" type="presParOf" srcId="{5FCCEE49-05BE-41DD-89AD-F3A24FC357C9}" destId="{74EE3F14-7A42-476E-8333-67D0E2B1A853}" srcOrd="0" destOrd="0" presId="urn:microsoft.com/office/officeart/2005/8/layout/lProcess3"/>
    <dgm:cxn modelId="{EC7BADFC-88EE-4210-9031-7204B8538819}" type="presParOf" srcId="{1072BCE2-7C47-43E3-92DE-474F2ACDAB20}" destId="{10A27789-1BB6-4602-A377-5276C902E938}" srcOrd="7" destOrd="0" presId="urn:microsoft.com/office/officeart/2005/8/layout/lProcess3"/>
    <dgm:cxn modelId="{06F8276D-0911-4570-8160-1C318E74A443}" type="presParOf" srcId="{1072BCE2-7C47-43E3-92DE-474F2ACDAB20}" destId="{2DBE7CFE-BFFA-4C78-822E-0463E3E488A0}" srcOrd="8" destOrd="0" presId="urn:microsoft.com/office/officeart/2005/8/layout/lProcess3"/>
    <dgm:cxn modelId="{C501E71F-CFE6-45A5-8ABB-F765A25166FA}" type="presParOf" srcId="{2DBE7CFE-BFFA-4C78-822E-0463E3E488A0}" destId="{F992B3D6-5BAE-434D-BA11-1F211770AD7A}" srcOrd="0" destOrd="0" presId="urn:microsoft.com/office/officeart/2005/8/layout/lProcess3"/>
    <dgm:cxn modelId="{AA58C7CD-5BF5-44F2-9305-DE4BA2A65309}" type="presParOf" srcId="{1072BCE2-7C47-43E3-92DE-474F2ACDAB20}" destId="{657BCC6C-E60B-4A5B-B378-20CDC79865A4}" srcOrd="9" destOrd="0" presId="urn:microsoft.com/office/officeart/2005/8/layout/lProcess3"/>
    <dgm:cxn modelId="{BC74A21A-8AFA-46F2-BB96-B4D7BDF511CF}" type="presParOf" srcId="{1072BCE2-7C47-43E3-92DE-474F2ACDAB20}" destId="{EA503D34-B3A8-4F86-A967-D1A5DFC7110D}" srcOrd="10" destOrd="0" presId="urn:microsoft.com/office/officeart/2005/8/layout/lProcess3"/>
    <dgm:cxn modelId="{C0DCEC89-7661-4C28-B602-F92541BCA1CE}" type="presParOf" srcId="{EA503D34-B3A8-4F86-A967-D1A5DFC7110D}" destId="{3CBA0A70-F9D4-415D-9C3D-E1E0A1C830A2}" srcOrd="0" destOrd="0" presId="urn:microsoft.com/office/officeart/2005/8/layout/lProcess3"/>
  </dgm:cxnLst>
  <dgm:bg/>
  <dgm:whole/>
  <dgm:extLst>
    <a:ext uri="http://schemas.microsoft.com/office/drawing/2008/diagram">
      <dsp:dataModelExt xmlns:dsp="http://schemas.microsoft.com/office/drawing/2008/diagram" relId="rId6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1825082" y="334670"/>
          <a:ext cx="3851672" cy="1379234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החקירה</a:t>
          </a:r>
        </a:p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- מטרה            -מערכת כללית</a:t>
          </a:r>
        </a:p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-תכלית אסטרטגית - </a:t>
          </a:r>
          <a:r>
            <a:rPr lang="he-IL" sz="1600" b="0" u="none" kern="1200" dirty="0" err="1" smtClean="0"/>
            <a:t>גניאולוגיה</a:t>
          </a:r>
          <a:endParaRPr lang="he-IL" sz="1600" b="0" u="none" kern="1200" dirty="0" smtClean="0"/>
        </a:p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- אינטרסים        - היסט</a:t>
          </a:r>
        </a:p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0" u="none" kern="1200" dirty="0" smtClean="0"/>
            <a:t> איומים             - פוטנציאל</a:t>
          </a:r>
          <a:r>
            <a:rPr lang="en-US" sz="1600" b="0" u="none" kern="1200" dirty="0" smtClean="0"/>
            <a:t>-</a:t>
          </a:r>
          <a:endParaRPr lang="he-IL" sz="1600" b="0" u="none" kern="1200" dirty="0" smtClean="0"/>
        </a:p>
      </dsp:txBody>
      <dsp:txXfrm>
        <a:off x="2514699" y="334670"/>
        <a:ext cx="2472438" cy="1379234"/>
      </dsp:txXfrm>
    </dsp:sp>
    <dsp:sp modelId="{FBCDF05E-3288-4AE5-9E25-03B36AF69926}">
      <dsp:nvSpPr>
        <dsp:cNvPr id="0" name=""/>
        <dsp:cNvSpPr/>
      </dsp:nvSpPr>
      <dsp:spPr>
        <a:xfrm>
          <a:off x="4766999" y="83357"/>
          <a:ext cx="3416146" cy="1895608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תכנון מערכה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- השינוי הנדרש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- ארגון הצו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-ארגון המערכה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- שינויים אישיים בהיבטים המערכתיים-ארגוניים</a:t>
          </a:r>
          <a:endParaRPr lang="he-IL" sz="14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714803" y="83357"/>
        <a:ext cx="1520538" cy="1895608"/>
      </dsp:txXfrm>
    </dsp:sp>
    <dsp:sp modelId="{DDB74CAC-6E26-45A0-9656-F23CDD57BC79}">
      <dsp:nvSpPr>
        <dsp:cNvPr id="0" name=""/>
        <dsp:cNvSpPr/>
      </dsp:nvSpPr>
      <dsp:spPr>
        <a:xfrm>
          <a:off x="7300936" y="33787"/>
          <a:ext cx="2972779" cy="1998135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התוכנית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מערכתית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</a:t>
          </a:r>
          <a:r>
            <a:rPr lang="he-IL" sz="1400" b="0" u="none" kern="1200" dirty="0" err="1" smtClean="0"/>
            <a:t>תוכנית</a:t>
          </a:r>
          <a:r>
            <a:rPr lang="he-IL" sz="1400" b="0" u="none" kern="1200" dirty="0" smtClean="0"/>
            <a:t> מעודכנת</a:t>
          </a:r>
          <a:endParaRPr lang="he-IL" sz="1400" b="0" u="none" kern="1200" dirty="0" smtClean="0"/>
        </a:p>
      </dsp:txBody>
      <dsp:txXfrm>
        <a:off x="8300004" y="33787"/>
        <a:ext cx="974644" cy="1998135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FFFBE4A-6652-4F87-8006-869213A758AC}">
      <dsp:nvSpPr>
        <dsp:cNvPr id="0" name=""/>
        <dsp:cNvSpPr/>
      </dsp:nvSpPr>
      <dsp:spPr>
        <a:xfrm>
          <a:off x="0" y="1175926"/>
          <a:ext cx="11602980" cy="783951"/>
        </a:xfrm>
        <a:prstGeom prst="notchedRightArrow">
          <a:avLst/>
        </a:prstGeom>
        <a:solidFill>
          <a:schemeClr val="accent1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C2313BE9-9F97-4575-B44A-1DA40AA15139}">
      <dsp:nvSpPr>
        <dsp:cNvPr id="0" name=""/>
        <dsp:cNvSpPr/>
      </dsp:nvSpPr>
      <dsp:spPr>
        <a:xfrm>
          <a:off x="313590" y="699386"/>
          <a:ext cx="1847841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b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800" kern="1200" dirty="0" smtClean="0"/>
            <a:t>קורס מודיעין</a:t>
          </a:r>
          <a:endParaRPr lang="he-IL" sz="1800" kern="1200" dirty="0"/>
        </a:p>
      </dsp:txBody>
      <dsp:txXfrm>
        <a:off x="313590" y="699386"/>
        <a:ext cx="1847841" cy="783951"/>
      </dsp:txXfrm>
    </dsp:sp>
    <dsp:sp modelId="{A5A9C167-812C-4413-9DFC-7996CD81CB95}">
      <dsp:nvSpPr>
        <dsp:cNvPr id="0" name=""/>
        <dsp:cNvSpPr/>
      </dsp:nvSpPr>
      <dsp:spPr>
        <a:xfrm>
          <a:off x="1107241" y="1506912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EC5DC4F4-70A6-4EF4-BE55-AB97F578926A}">
      <dsp:nvSpPr>
        <dsp:cNvPr id="0" name=""/>
        <dsp:cNvSpPr/>
      </dsp:nvSpPr>
      <dsp:spPr>
        <a:xfrm>
          <a:off x="2162021" y="993689"/>
          <a:ext cx="1522718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800" kern="1200" dirty="0" smtClean="0"/>
            <a:t>קורס </a:t>
          </a:r>
          <a:r>
            <a:rPr lang="he-IL" sz="1800" kern="1200" dirty="0" err="1" smtClean="0"/>
            <a:t>מז"ת</a:t>
          </a:r>
          <a:endParaRPr lang="he-IL" sz="1800" kern="1200" dirty="0"/>
        </a:p>
      </dsp:txBody>
      <dsp:txXfrm>
        <a:off x="2162021" y="993689"/>
        <a:ext cx="1522718" cy="783951"/>
      </dsp:txXfrm>
    </dsp:sp>
    <dsp:sp modelId="{E9E74DD4-9D80-4F5B-B2E4-5C5A33F033CE}">
      <dsp:nvSpPr>
        <dsp:cNvPr id="0" name=""/>
        <dsp:cNvSpPr/>
      </dsp:nvSpPr>
      <dsp:spPr>
        <a:xfrm>
          <a:off x="2806595" y="152517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6C3BAC-782A-4C7E-A921-D5569BA65DD9}">
      <dsp:nvSpPr>
        <dsp:cNvPr id="0" name=""/>
        <dsp:cNvSpPr/>
      </dsp:nvSpPr>
      <dsp:spPr>
        <a:xfrm>
          <a:off x="3689617" y="702318"/>
          <a:ext cx="1607496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b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800" kern="1200" dirty="0" smtClean="0"/>
            <a:t>ביקור </a:t>
          </a:r>
          <a:r>
            <a:rPr lang="he-IL" sz="1800" kern="1200" dirty="0" err="1" smtClean="0"/>
            <a:t>במשה"ח</a:t>
          </a:r>
          <a:endParaRPr lang="he-IL" sz="1800" kern="1200" dirty="0"/>
        </a:p>
      </dsp:txBody>
      <dsp:txXfrm>
        <a:off x="3689617" y="702318"/>
        <a:ext cx="1607496" cy="783951"/>
      </dsp:txXfrm>
    </dsp:sp>
    <dsp:sp modelId="{682FE366-C000-41C9-9EEB-B1F529CAD5C3}">
      <dsp:nvSpPr>
        <dsp:cNvPr id="0" name=""/>
        <dsp:cNvSpPr/>
      </dsp:nvSpPr>
      <dsp:spPr>
        <a:xfrm>
          <a:off x="4340242" y="1483339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80BF636-56C2-4D74-9CC3-B9E90F49E574}">
      <dsp:nvSpPr>
        <dsp:cNvPr id="0" name=""/>
        <dsp:cNvSpPr/>
      </dsp:nvSpPr>
      <dsp:spPr>
        <a:xfrm>
          <a:off x="5904423" y="1000439"/>
          <a:ext cx="1873549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800" kern="1200" dirty="0" smtClean="0"/>
            <a:t>סדנת </a:t>
          </a:r>
          <a:r>
            <a:rPr lang="he-IL" sz="1800" kern="1200" dirty="0" err="1" smtClean="0"/>
            <a:t>מו"ם</a:t>
          </a:r>
          <a:r>
            <a:rPr lang="he-IL" sz="1800" kern="1200" dirty="0" smtClean="0"/>
            <a:t> 1-3/3</a:t>
          </a:r>
        </a:p>
      </dsp:txBody>
      <dsp:txXfrm>
        <a:off x="5904423" y="1000439"/>
        <a:ext cx="1873549" cy="783951"/>
      </dsp:txXfrm>
    </dsp:sp>
    <dsp:sp modelId="{E76B3D1B-AAFE-465C-BFA5-BBBE20E5BFFB}">
      <dsp:nvSpPr>
        <dsp:cNvPr id="0" name=""/>
        <dsp:cNvSpPr/>
      </dsp:nvSpPr>
      <dsp:spPr>
        <a:xfrm>
          <a:off x="6998033" y="1505445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237C98D-5B85-420A-97A8-DC2EF16E949F}">
      <dsp:nvSpPr>
        <dsp:cNvPr id="0" name=""/>
        <dsp:cNvSpPr/>
      </dsp:nvSpPr>
      <dsp:spPr>
        <a:xfrm>
          <a:off x="7067509" y="0"/>
          <a:ext cx="1072057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b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1800" kern="1200" dirty="0"/>
        </a:p>
      </dsp:txBody>
      <dsp:txXfrm>
        <a:off x="7067509" y="0"/>
        <a:ext cx="1072057" cy="783951"/>
      </dsp:txXfrm>
    </dsp:sp>
    <dsp:sp modelId="{8D195FBB-886B-4612-B0C9-361404C1B53C}">
      <dsp:nvSpPr>
        <dsp:cNvPr id="0" name=""/>
        <dsp:cNvSpPr/>
      </dsp:nvSpPr>
      <dsp:spPr>
        <a:xfrm>
          <a:off x="8576729" y="148333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5A145D61-B26B-4023-AF13-09127DC233B7}">
      <dsp:nvSpPr>
        <dsp:cNvPr id="0" name=""/>
        <dsp:cNvSpPr/>
      </dsp:nvSpPr>
      <dsp:spPr>
        <a:xfrm>
          <a:off x="7867114" y="999271"/>
          <a:ext cx="2248018" cy="783951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28016" tIns="128016" rIns="128016" bIns="128016" numCol="1" spcCol="1270" anchor="t" anchorCtr="0">
          <a:noAutofit/>
        </a:bodyPr>
        <a:lstStyle/>
        <a:p>
          <a:pPr lvl="0" algn="ctr" defTabSz="8001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800" kern="1200" dirty="0" smtClean="0"/>
            <a:t>סיורי </a:t>
          </a:r>
          <a:r>
            <a:rPr lang="he-IL" sz="1800" kern="1200" dirty="0" err="1" smtClean="0"/>
            <a:t>בטל"מ</a:t>
          </a:r>
          <a:endParaRPr lang="he-IL" sz="1800" kern="1200" dirty="0"/>
        </a:p>
      </dsp:txBody>
      <dsp:txXfrm>
        <a:off x="7867114" y="999271"/>
        <a:ext cx="2248018" cy="783951"/>
      </dsp:txXfrm>
    </dsp:sp>
    <dsp:sp modelId="{46B6076A-8910-47D7-AF53-BCF019F092C5}">
      <dsp:nvSpPr>
        <dsp:cNvPr id="0" name=""/>
        <dsp:cNvSpPr/>
      </dsp:nvSpPr>
      <dsp:spPr>
        <a:xfrm>
          <a:off x="9346683" y="1483337"/>
          <a:ext cx="195987" cy="195987"/>
        </a:xfrm>
        <a:prstGeom prst="ellipse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43C57E6-D900-425E-AA00-F04D83AD529F}">
      <dsp:nvSpPr>
        <dsp:cNvPr id="0" name=""/>
        <dsp:cNvSpPr/>
      </dsp:nvSpPr>
      <dsp:spPr>
        <a:xfrm>
          <a:off x="3460497" y="423190"/>
          <a:ext cx="1972927" cy="799541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החקיר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אסטרטגיה מכוננ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צגת ביניים –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תפיסה גלובלית,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ת של מערכות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kern="1200" dirty="0"/>
        </a:p>
      </dsp:txBody>
      <dsp:txXfrm>
        <a:off x="3860268" y="423190"/>
        <a:ext cx="1173386" cy="799541"/>
      </dsp:txXfrm>
    </dsp:sp>
    <dsp:sp modelId="{FBCDF05E-3288-4AE5-9E25-03B36AF69926}">
      <dsp:nvSpPr>
        <dsp:cNvPr id="0" name=""/>
        <dsp:cNvSpPr/>
      </dsp:nvSpPr>
      <dsp:spPr>
        <a:xfrm>
          <a:off x="5046806" y="427047"/>
          <a:ext cx="1591339" cy="801923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תכנון 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מערכה</a:t>
          </a: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ערכה אופרטיבית מאפשרת (לאור תרחיש)</a:t>
          </a:r>
          <a:endParaRPr lang="he-IL" sz="1400" b="0" u="none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n-US" sz="1400" b="0" u="none" kern="1200" dirty="0"/>
        </a:p>
      </dsp:txBody>
      <dsp:txXfrm>
        <a:off x="5447768" y="427047"/>
        <a:ext cx="789416" cy="801923"/>
      </dsp:txXfrm>
    </dsp:sp>
    <dsp:sp modelId="{DDB74CAC-6E26-45A0-9656-F23CDD57BC79}">
      <dsp:nvSpPr>
        <dsp:cNvPr id="0" name=""/>
        <dsp:cNvSpPr/>
      </dsp:nvSpPr>
      <dsp:spPr>
        <a:xfrm>
          <a:off x="6274232" y="442271"/>
          <a:ext cx="2051804" cy="784419"/>
        </a:xfrm>
        <a:prstGeom prst="chevron">
          <a:avLst/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שלב </a:t>
          </a:r>
          <a:r>
            <a:rPr lang="he-IL" sz="1600" b="1" u="sng" kern="1200" dirty="0" smtClean="0"/>
            <a:t>הסימולציה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התוכנית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המערכתית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400" b="0" u="none" kern="1200" dirty="0" smtClean="0"/>
            <a:t>Reframing </a:t>
          </a:r>
        </a:p>
        <a:p>
          <a:pPr lvl="0" algn="ctr" defTabSz="711200" rtl="1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400" b="0" u="none" kern="1200" dirty="0" smtClean="0"/>
            <a:t>מימוש </a:t>
          </a:r>
          <a:r>
            <a:rPr lang="he-IL" sz="1400" b="0" u="none" kern="1200" dirty="0" err="1" smtClean="0"/>
            <a:t>תוכנית</a:t>
          </a:r>
          <a:r>
            <a:rPr lang="he-IL" sz="1400" b="0" u="none" kern="1200" dirty="0" smtClean="0"/>
            <a:t> מעודכנת</a:t>
          </a:r>
          <a:endParaRPr lang="he-IL" sz="1400" b="0" u="none" kern="1200" dirty="0" smtClean="0"/>
        </a:p>
      </dsp:txBody>
      <dsp:txXfrm>
        <a:off x="6666442" y="442271"/>
        <a:ext cx="1267385" cy="784419"/>
      </dsp:txXfrm>
    </dsp:sp>
    <dsp:sp modelId="{C1389168-FD5C-4A39-90AA-D7CD3BE722B3}">
      <dsp:nvSpPr>
        <dsp:cNvPr id="0" name=""/>
        <dsp:cNvSpPr/>
      </dsp:nvSpPr>
      <dsp:spPr>
        <a:xfrm>
          <a:off x="8176825" y="1678698"/>
          <a:ext cx="1167116" cy="349273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t" anchorCtr="0">
          <a:noAutofit/>
        </a:bodyPr>
        <a:lstStyle/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סיכום 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קורס</a:t>
          </a:r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he-IL" sz="1600" b="1" u="sng" kern="1200" dirty="0" smtClean="0"/>
        </a:p>
        <a:p>
          <a:pPr lvl="0" algn="ct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b="1" u="sng" kern="1200" dirty="0" smtClean="0"/>
            <a:t> אסטרטגיה</a:t>
          </a:r>
          <a:endParaRPr lang="en-US" sz="1600" b="1" u="sng" kern="1200" dirty="0"/>
        </a:p>
      </dsp:txBody>
      <dsp:txXfrm>
        <a:off x="8351462" y="1678698"/>
        <a:ext cx="817843" cy="349273"/>
      </dsp:txXfrm>
    </dsp:sp>
    <dsp:sp modelId="{6FE0960C-2B7C-434A-BA2A-A87C5C61618D}">
      <dsp:nvSpPr>
        <dsp:cNvPr id="0" name=""/>
        <dsp:cNvSpPr/>
      </dsp:nvSpPr>
      <dsp:spPr>
        <a:xfrm>
          <a:off x="3420473" y="1780538"/>
          <a:ext cx="1110758" cy="19665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err="1" smtClean="0"/>
            <a:t>ורס</a:t>
          </a:r>
          <a:r>
            <a:rPr lang="he-IL" sz="2000" kern="1200" dirty="0" smtClean="0"/>
            <a:t> מודיעין</a:t>
          </a:r>
          <a:endParaRPr lang="en-US" sz="2000" kern="1200" dirty="0"/>
        </a:p>
      </dsp:txBody>
      <dsp:txXfrm>
        <a:off x="3518798" y="1780538"/>
        <a:ext cx="914108" cy="196650"/>
      </dsp:txXfrm>
    </dsp:sp>
    <dsp:sp modelId="{74EE3F14-7A42-476E-8333-67D0E2B1A853}">
      <dsp:nvSpPr>
        <dsp:cNvPr id="0" name=""/>
        <dsp:cNvSpPr/>
      </dsp:nvSpPr>
      <dsp:spPr>
        <a:xfrm>
          <a:off x="5217058" y="1807942"/>
          <a:ext cx="1141032" cy="14184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0320" tIns="10160" rIns="0" bIns="10160" numCol="1" spcCol="1270" anchor="ctr" anchorCtr="0">
          <a:noAutofit/>
        </a:bodyPr>
        <a:lstStyle/>
        <a:p>
          <a:pPr lvl="0" algn="r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1600" kern="1200" dirty="0" smtClean="0"/>
            <a:t>ביקור במשרד החוץ</a:t>
          </a:r>
          <a:endParaRPr lang="en-US" sz="1600" kern="1200" dirty="0"/>
        </a:p>
      </dsp:txBody>
      <dsp:txXfrm>
        <a:off x="5287978" y="1807942"/>
        <a:ext cx="999192" cy="141840"/>
      </dsp:txXfrm>
    </dsp:sp>
    <dsp:sp modelId="{F992B3D6-5BAE-434D-BA11-1F211770AD7A}">
      <dsp:nvSpPr>
        <dsp:cNvPr id="0" name=""/>
        <dsp:cNvSpPr/>
      </dsp:nvSpPr>
      <dsp:spPr>
        <a:xfrm>
          <a:off x="4463114" y="1749909"/>
          <a:ext cx="752342" cy="257905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25400" tIns="12700" rIns="0" bIns="12700" numCol="1" spcCol="1270" anchor="ctr" anchorCtr="0">
          <a:noAutofit/>
        </a:bodyPr>
        <a:lstStyle/>
        <a:p>
          <a:pPr lvl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2000" kern="1200" dirty="0" smtClean="0"/>
            <a:t>קורס </a:t>
          </a:r>
          <a:r>
            <a:rPr lang="he-IL" sz="2000" kern="1200" dirty="0" err="1" smtClean="0"/>
            <a:t>מז"ת</a:t>
          </a:r>
          <a:endParaRPr lang="en-US" sz="2000" kern="1200" dirty="0"/>
        </a:p>
      </dsp:txBody>
      <dsp:txXfrm>
        <a:off x="4592067" y="1749909"/>
        <a:ext cx="494437" cy="257905"/>
      </dsp:txXfrm>
    </dsp:sp>
    <dsp:sp modelId="{3CBA0A70-F9D4-415D-9C3D-E1E0A1C830A2}">
      <dsp:nvSpPr>
        <dsp:cNvPr id="0" name=""/>
        <dsp:cNvSpPr/>
      </dsp:nvSpPr>
      <dsp:spPr>
        <a:xfrm>
          <a:off x="6300702" y="1643200"/>
          <a:ext cx="1141032" cy="141840"/>
        </a:xfrm>
        <a:prstGeom prst="chevron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0160" tIns="5080" rIns="0" bIns="5080" numCol="1" spcCol="1270" anchor="ctr" anchorCtr="0">
          <a:noAutofit/>
        </a:bodyPr>
        <a:lstStyle/>
        <a:p>
          <a:pPr lvl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he-IL" sz="800" kern="1200" dirty="0" smtClean="0"/>
            <a:t>סדנת משא ומתן 1-3/3</a:t>
          </a:r>
          <a:endParaRPr lang="en-US" sz="800" kern="1200" dirty="0"/>
        </a:p>
      </dsp:txBody>
      <dsp:txXfrm>
        <a:off x="6371622" y="1643200"/>
        <a:ext cx="999192" cy="141840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hProcess11">
  <dgm:title val=""/>
  <dgm:desc val=""/>
  <dgm:catLst>
    <dgm:cat type="process" pri="8000"/>
    <dgm:cat type="convert" pri="1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hoose name="Name1">
      <dgm:if name="Name2" func="var" arg="dir" op="equ" val="norm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l" for="ch" forName="arrow"/>
          <dgm:constr type="w" for="ch" forName="points" refType="w" fact="0.9"/>
          <dgm:constr type="h" for="ch" forName="points" refType="h"/>
          <dgm:constr type="t" for="ch" forName="points"/>
          <dgm:constr type="l" for="ch" forName="points"/>
        </dgm:constrLst>
      </dgm:if>
      <dgm:else name="Name3">
        <dgm:constrLst>
          <dgm:constr type="w" for="ch" forName="arrow" refType="w"/>
          <dgm:constr type="h" for="ch" forName="arrow" refType="h" fact="0.4"/>
          <dgm:constr type="ctrY" for="ch" forName="arrow" refType="h" fact="0.5"/>
          <dgm:constr type="r" for="ch" forName="arrow" refType="w"/>
          <dgm:constr type="w" for="ch" forName="points" refType="w" fact="0.9"/>
          <dgm:constr type="h" for="ch" forName="points" refType="h"/>
          <dgm:constr type="t" for="ch" forName="points"/>
          <dgm:constr type="r" for="ch" forName="points" refType="w"/>
        </dgm:constrLst>
      </dgm:else>
    </dgm:choose>
    <dgm:ruleLst/>
    <dgm:layoutNode name="arrow" styleLbl="bgShp">
      <dgm:alg type="sp"/>
      <dgm:choose name="Name4">
        <dgm:if name="Name5" func="var" arg="dir" op="equ" val="norm">
          <dgm:shape xmlns:r="http://schemas.openxmlformats.org/officeDocument/2006/relationships" type="notchedRightArrow" r:blip="">
            <dgm:adjLst/>
          </dgm:shape>
        </dgm:if>
        <dgm:else name="Name6">
          <dgm:shape xmlns:r="http://schemas.openxmlformats.org/officeDocument/2006/relationships" rot="180" type="notchedRightArrow" r:blip="">
            <dgm:adjLst/>
          </dgm:shape>
        </dgm:else>
      </dgm:choose>
      <dgm:presOf/>
      <dgm:constrLst/>
      <dgm:ruleLst/>
    </dgm:layoutNode>
    <dgm:layoutNode name="points">
      <dgm:choose name="Name7">
        <dgm:if name="Name8" func="var" arg="dir" op="equ" val="norm">
          <dgm:alg type="lin">
            <dgm:param type="linDir" val="fromL"/>
          </dgm:alg>
        </dgm:if>
        <dgm:else name="Name9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w" for="ch" forName="compositeA" refType="w"/>
        <dgm:constr type="h" for="ch" forName="compositeA" refType="h"/>
        <dgm:constr type="w" for="ch" forName="compositeB" refType="w" refFor="ch" refForName="compositeA" op="equ"/>
        <dgm:constr type="h" for="ch" forName="compositeB" refType="h" refFor="ch" refForName="compositeA" op="equ"/>
        <dgm:constr type="primFontSz" for="des" ptType="node" op="equ" val="65"/>
        <dgm:constr type="w" for="ch" forName="space" refType="w" refFor="ch" refForName="compositeA" op="equ" fact="0.05"/>
      </dgm:constrLst>
      <dgm:ruleLst/>
      <dgm:forEach name="Name10" axis="ch" ptType="node">
        <dgm:choose name="Name11">
          <dgm:if name="Name12" axis="self" ptType="node" func="posOdd" op="equ" val="1">
            <dgm:layoutNode name="compositeA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A" refType="w"/>
                <dgm:constr type="h" for="ch" forName="textA" refType="h" fact="0.4"/>
                <dgm:constr type="t" for="ch" forName="textA"/>
                <dgm:constr type="l" for="ch" forName="textA"/>
                <dgm:constr type="h" for="ch" forName="circleA" refType="h" fact="0.1"/>
                <dgm:constr type="h" for="ch" forName="circleA" refType="w" op="lte"/>
                <dgm:constr type="w" for="ch" forName="circleA" refType="h" refFor="ch" refForName="circleA" op="equ"/>
                <dgm:constr type="ctrY" for="ch" forName="circleA" refType="h" fact="0.5"/>
                <dgm:constr type="ctrX" for="ch" forName="circleA" refType="w" refFor="ch" refForName="textA" fact="0.5"/>
                <dgm:constr type="w" for="ch" forName="spaceA" refType="w"/>
                <dgm:constr type="h" for="ch" forName="spaceA" refType="h" fact="0.4"/>
                <dgm:constr type="b" for="ch" forName="spaceA" refType="h"/>
                <dgm:constr type="l" for="ch" forName="spaceA"/>
              </dgm:constrLst>
              <dgm:ruleLst/>
              <dgm:layoutNode name="textA" styleLbl="revTx">
                <dgm:varLst>
                  <dgm:bulletEnabled val="1"/>
                </dgm:varLst>
                <dgm:alg type="tx">
                  <dgm:param type="txAnchorVert" val="b"/>
                  <dgm:param type="txAnchorVertCh" val="b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A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A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if>
          <dgm:else name="Name13">
            <dgm:layoutNode name="compositeB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textB" refType="w"/>
                <dgm:constr type="h" for="ch" forName="textB" refType="h" fact="0.4"/>
                <dgm:constr type="b" for="ch" forName="textB" refType="h"/>
                <dgm:constr type="l" for="ch" forName="textB"/>
                <dgm:constr type="h" for="ch" forName="circleB" refType="h" fact="0.1"/>
                <dgm:constr type="w" for="ch" forName="circleB" refType="h" refFor="ch" refForName="circleB" op="equ"/>
                <dgm:constr type="h" for="ch" forName="circleB" refType="w" op="lte"/>
                <dgm:constr type="ctrY" for="ch" forName="circleB" refType="h" fact="0.5"/>
                <dgm:constr type="ctrX" for="ch" forName="circleB" refType="w" refFor="ch" refForName="textB" fact="0.5"/>
                <dgm:constr type="w" for="ch" forName="spaceB" refType="w"/>
                <dgm:constr type="h" for="ch" forName="spaceB" refType="h" fact="0.4"/>
                <dgm:constr type="t" for="ch" forName="spaceB"/>
                <dgm:constr type="l" for="ch" forName="spaceB"/>
              </dgm:constrLst>
              <dgm:ruleLst/>
              <dgm:layoutNode name="textB" styleLbl="revTx">
                <dgm:varLst>
                  <dgm:bulletEnabled val="1"/>
                </dgm:varLst>
                <dgm:alg type="tx">
                  <dgm:param type="txAnchorVert" val="t"/>
                  <dgm:param type="txAnchorVertCh" val="t"/>
                  <dgm:param type="txAnchorHorzCh" val="ctr"/>
                </dgm:alg>
                <dgm:shape xmlns:r="http://schemas.openxmlformats.org/officeDocument/2006/relationships" type="rect" r:blip="">
                  <dgm:adjLst/>
                </dgm:shape>
                <dgm:presOf axis="desOrSelf" ptType="node"/>
                <dgm:constrLst/>
                <dgm:ruleLst>
                  <dgm:rule type="primFontSz" val="5" fact="NaN" max="NaN"/>
                </dgm:ruleLst>
              </dgm:layoutNode>
              <dgm:layoutNode name="circleB">
                <dgm:alg type="sp"/>
                <dgm:shape xmlns:r="http://schemas.openxmlformats.org/officeDocument/2006/relationships" type="ellipse" r:blip="">
                  <dgm:adjLst/>
                </dgm:shape>
                <dgm:presOf/>
                <dgm:constrLst/>
                <dgm:ruleLst/>
              </dgm:layoutNode>
              <dgm:layoutNode name="spaceB">
                <dgm:alg type="sp"/>
                <dgm:shape xmlns:r="http://schemas.openxmlformats.org/officeDocument/2006/relationships" r:blip="">
                  <dgm:adjLst/>
                </dgm:shape>
                <dgm:presOf/>
                <dgm:constrLst/>
                <dgm:ruleLst/>
              </dgm:layoutNode>
            </dgm:layoutNode>
          </dgm:else>
        </dgm:choose>
        <dgm:forEach name="Name14" axis="followSib" ptType="sibTrans" cnt="1">
          <dgm:layoutNode name="space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lProcess3">
  <dgm:title val=""/>
  <dgm:desc val=""/>
  <dgm:catLst>
    <dgm:cat type="process" pri="11000"/>
    <dgm:cat type="convert" pri="1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41" srcId="1" destId="11" srcOrd="0" destOrd="0"/>
        <dgm:cxn modelId="42" srcId="1" destId="12" srcOrd="1" destOrd="0"/>
        <dgm:cxn modelId="51" srcId="2" destId="21" srcOrd="0" destOrd="0"/>
        <dgm:cxn modelId="52" srcId="2" destId="22" srcOrd="1" destOrd="0"/>
        <dgm:cxn modelId="61" srcId="3" destId="31" srcOrd="0" destOrd="0"/>
        <dgm:cxn modelId="62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4" srcId="0" destId="1" srcOrd="0" destOrd="0"/>
        <dgm:cxn modelId="5" srcId="1" destId="2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51" srcId="1" destId="11" srcOrd="0" destOrd="0"/>
        <dgm:cxn modelId="61" srcId="2" destId="21" srcOrd="0" destOrd="0"/>
        <dgm:cxn modelId="71" srcId="3" destId="31" srcOrd="0" destOrd="0"/>
        <dgm:cxn modelId="81" srcId="4" destId="41" srcOrd="0" destOrd="0"/>
      </dgm:cxnLst>
      <dgm:bg/>
      <dgm:whole/>
    </dgm:dataModel>
  </dgm:clrData>
  <dgm:layoutNode name="Name0">
    <dgm:varLst>
      <dgm:chPref val="3"/>
      <dgm:dir/>
      <dgm:animLvl val="lvl"/>
      <dgm:resizeHandles/>
    </dgm:varLst>
    <dgm:choose name="Name1">
      <dgm:if name="Name2" func="var" arg="dir" op="equ" val="norm">
        <dgm:alg type="lin">
          <dgm:param type="linDir" val="fromT"/>
          <dgm:param type="vertAlign" val="mid"/>
          <dgm:param type="nodeHorzAlign" val="l"/>
          <dgm:param type="nodeVertAlign" val="t"/>
          <dgm:param type="fallback" val="2D"/>
        </dgm:alg>
      </dgm:if>
      <dgm:else name="Name3">
        <dgm:alg type="lin">
          <dgm:param type="linDir" val="fromT"/>
          <dgm:param type="vertAlign" val="mid"/>
          <dgm:param type="nodeHorzAlign" val="r"/>
          <dgm:param type="nodeVertAlign" val="t"/>
          <dgm:param type="fallback" val="2D"/>
        </dgm:alg>
      </dgm:else>
    </dgm:choose>
    <dgm:shape xmlns:r="http://schemas.openxmlformats.org/officeDocument/2006/relationships" r:blip="">
      <dgm:adjLst/>
    </dgm:shape>
    <dgm:presOf/>
    <dgm:constrLst>
      <dgm:constr type="w" for="des" forName="bigChev" refType="w"/>
      <dgm:constr type="h" for="des" forName="bigChev" refType="w" refFor="des" refForName="bigChev" op="equ" fact="0.4"/>
      <dgm:constr type="w" for="des" forName="node" refType="w" refFor="des" refForName="bigChev" fact="0.83"/>
      <dgm:constr type="h" for="des" forName="node" refType="w" refFor="des" refForName="node" op="equ" fact="0.4"/>
      <dgm:constr type="w" for="des" forName="parTrans" refType="w" refFor="des" refForName="bigChev" op="equ" fact="-0.13"/>
      <dgm:constr type="w" for="des" forName="sibTrans" refType="w" refFor="des" refForName="node" op="equ" fact="-0.14"/>
      <dgm:constr type="h" for="ch" forName="vSp" refType="h" refFor="des" refForName="bigChev" op="equ" fact="0.14"/>
      <dgm:constr type="primFontSz" for="des" forName="node" op="equ"/>
      <dgm:constr type="primFontSz" for="des" forName="bigChev" op="equ"/>
    </dgm:constrLst>
    <dgm:ruleLst/>
    <dgm:forEach name="Name4" axis="ch" ptType="node">
      <dgm:layoutNode name="horFlow">
        <dgm:choose name="Name5">
          <dgm:if name="Name6" func="var" arg="dir" op="equ" val="norm">
            <dgm:alg type="lin">
              <dgm:param type="linDir" val="fromL"/>
              <dgm:param type="nodeHorzAlign" val="l"/>
              <dgm:param type="nodeVertAlign" val="mid"/>
              <dgm:param type="fallback" val="2D"/>
            </dgm:alg>
          </dgm:if>
          <dgm:else name="Name7">
            <dgm:alg type="lin">
              <dgm:param type="linDir" val="fromR"/>
              <dgm:param type="nodeHorzAlign" val="r"/>
              <dgm:param type="nodeVertAlign" val="mid"/>
              <dgm:param type="fallback" val="2D"/>
            </dgm:alg>
          </dgm:else>
        </dgm:choose>
        <dgm:shape xmlns:r="http://schemas.openxmlformats.org/officeDocument/2006/relationships" r:blip="">
          <dgm:adjLst/>
        </dgm:shape>
        <dgm:presOf/>
        <dgm:constrLst/>
        <dgm:ruleLst/>
        <dgm:layoutNode name="bigChev" styleLbl="node1">
          <dgm:alg type="tx"/>
          <dgm:choose name="Name8">
            <dgm:if name="Name9" func="var" arg="dir" op="equ" val="norm">
              <dgm:shape xmlns:r="http://schemas.openxmlformats.org/officeDocument/2006/relationships" type="chevron" r:blip="">
                <dgm:adjLst/>
              </dgm:shape>
              <dgm:presOf axis="self"/>
              <dgm:constrLst>
                <dgm:constr type="primFontSz" val="65"/>
                <dgm:constr type="rMarg"/>
                <dgm:constr type="lMarg" refType="primFontSz" fact="0.1"/>
                <dgm:constr type="tMarg" refType="primFontSz" fact="0.05"/>
                <dgm:constr type="bMarg" refType="primFontSz" fact="0.05"/>
              </dgm:constrLst>
            </dgm:if>
            <dgm:else name="Name10">
              <dgm:shape xmlns:r="http://schemas.openxmlformats.org/officeDocument/2006/relationships" rot="180" type="chevron" r:blip="">
                <dgm:adjLst/>
              </dgm:shape>
              <dgm:presOf axis="self"/>
              <dgm:constrLst>
                <dgm:constr type="primFontSz" val="65"/>
                <dgm:constr type="lMarg"/>
                <dgm:constr type="rMarg" refType="primFontSz" fact="0.1"/>
                <dgm:constr type="tMarg" refType="primFontSz" fact="0.05"/>
                <dgm:constr type="bMarg" refType="primFontSz" fact="0.05"/>
              </dgm:constrLst>
            </dgm:else>
          </dgm:choose>
          <dgm:ruleLst>
            <dgm:rule type="primFontSz" val="5" fact="NaN" max="NaN"/>
          </dgm:ruleLst>
        </dgm:layoutNode>
        <dgm:forEach name="parTransForEach" axis="ch" ptType="parTrans" cnt="1">
          <dgm:layoutNode name="par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  <dgm:forEach name="Name11" axis="ch" ptType="node">
          <dgm:layoutNode name="node" styleLbl="alignAccFollowNode1">
            <dgm:varLst>
              <dgm:bulletEnabled val="1"/>
            </dgm:varLst>
            <dgm:alg type="tx"/>
            <dgm:choose name="Name12">
              <dgm:if name="Name13" func="var" arg="dir" op="equ" val="norm">
                <dgm:shape xmlns:r="http://schemas.openxmlformats.org/officeDocument/2006/relationships" type="chevron" r:blip="">
                  <dgm:adjLst/>
                </dgm:shape>
                <dgm:presOf axis="desOrSelf" ptType="node"/>
                <dgm:constrLst>
                  <dgm:constr type="primFontSz" val="65"/>
                  <dgm:constr type="rMarg"/>
                  <dgm:constr type="lMarg" refType="primFontSz" fact="0.1"/>
                  <dgm:constr type="tMarg" refType="primFontSz" fact="0.05"/>
                  <dgm:constr type="bMarg" refType="primFontSz" fact="0.05"/>
                </dgm:constrLst>
              </dgm:if>
              <dgm:else name="Name14">
                <dgm:shape xmlns:r="http://schemas.openxmlformats.org/officeDocument/2006/relationships" rot="180" type="chevron" r:blip="">
                  <dgm:adjLst/>
                </dgm:shape>
                <dgm:presOf axis="desOrSelf" ptType="node"/>
                <dgm:constrLst>
                  <dgm:constr type="primFontSz" val="65"/>
                  <dgm:constr type="lMarg"/>
                  <dgm:constr type="rMarg" refType="primFontSz" fact="0.1"/>
                  <dgm:constr type="tMarg" refType="primFontSz" fact="0.05"/>
                  <dgm:constr type="bMarg" refType="primFontSz" fact="0.05"/>
                </dgm:constrLst>
              </dgm:else>
            </dgm:choose>
            <dgm:ruleLst>
              <dgm:rule type="primFontSz" val="5" fact="NaN" max="NaN"/>
            </dgm:ruleLst>
          </dgm:layoutNode>
          <dgm:forEach name="sibTransForEach" axis="followSib" ptType="sibTrans" cnt="1">
            <dgm:layoutNode name="sibTrans">
              <dgm:alg type="sp"/>
              <dgm:shape xmlns:r="http://schemas.openxmlformats.org/officeDocument/2006/relationships" r:blip="">
                <dgm:adjLst/>
              </dgm:shape>
              <dgm:presOf/>
              <dgm:constrLst/>
              <dgm:ruleLst/>
            </dgm:layoutNode>
          </dgm:forEach>
        </dgm:forEach>
      </dgm:layoutNode>
      <dgm:choose name="Name15">
        <dgm:if name="Name16" axis="self" ptType="node" func="revPos" op="gte" val="2">
          <dgm:layoutNode name="vSp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if>
        <dgm:else name="Name17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850462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566436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50202999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שקופית כותרת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he-IL" smtClean="0"/>
              <a:t>לחץ כדי לערוך סגנון כותרת משנה של תבנית בסיס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508934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2956431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83072589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72227522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9992101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3531619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510524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64906131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כותרת ותוכן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8681832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21538629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כותרת וטקסט אנכי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3385610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כותרת אנכית וטקסט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אנכית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טקסט אנכי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50653076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כותרת מקטע עליונ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0558583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שני תכנים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9539865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השוואה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4" name="מציין מיקום תוכן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5" name="מציין מיקום טקסט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6" name="מציין מיקום תוכן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7" name="מציין מיקום של תאריך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8" name="מציין מיקום של כותרת תחתונה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מציין מיקום של מספר שקופית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860098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כותרת בלבד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אריך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4" name="מציין מיקום של כותרת תחתונה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מציין מיקום של מספר שקופית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7737361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ריק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תאריך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3" name="מציין מיקום של כותרת תחתונה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מציין מיקום של מספר שקופית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9978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תוכן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תוכן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5894489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תמונה עם כיתוב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של תמונה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מציין מיקום טקסט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he-IL" smtClean="0"/>
              <a:t>לחץ כדי לערוך סגנונות טקסט של תבנית בסיס</a:t>
            </a:r>
          </a:p>
        </p:txBody>
      </p:sp>
      <p:sp>
        <p:nvSpPr>
          <p:cNvPr id="5" name="מציין מיקום של תאריך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6" name="מציין מיקום של כותרת תחתונה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מציין מיקום של מספר שקופית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4900750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D883761-83CA-4A05-A07F-B7DDF00F42C3}" type="datetimeFigureOut">
              <a:rPr lang="en-US" smtClean="0"/>
              <a:t>12/7/2015</a:t>
            </a:fld>
            <a:endParaRPr lang="en-US"/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67D09B4-3B2A-4B04-A892-AA25AB7EFE4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270317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מציין מיקום של כותרת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he-IL" smtClean="0"/>
              <a:t>לחץ כדי לערוך סגנון כותרת של תבנית בסיס</a:t>
            </a:r>
            <a:endParaRPr lang="en-US"/>
          </a:p>
        </p:txBody>
      </p:sp>
      <p:sp>
        <p:nvSpPr>
          <p:cNvPr id="3" name="מציין מיקום טקסט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he-IL" smtClean="0"/>
              <a:t>לחץ כדי לערוך סגנונות טקסט של תבנית בסיס</a:t>
            </a:r>
          </a:p>
          <a:p>
            <a:pPr lvl="1"/>
            <a:r>
              <a:rPr lang="he-IL" smtClean="0"/>
              <a:t>רמה שנייה</a:t>
            </a:r>
          </a:p>
          <a:p>
            <a:pPr lvl="2"/>
            <a:r>
              <a:rPr lang="he-IL" smtClean="0"/>
              <a:t>רמה שלישית</a:t>
            </a:r>
          </a:p>
          <a:p>
            <a:pPr lvl="3"/>
            <a:r>
              <a:rPr lang="he-IL" smtClean="0"/>
              <a:t>רמה רביעית</a:t>
            </a:r>
          </a:p>
          <a:p>
            <a:pPr lvl="4"/>
            <a:r>
              <a:rPr lang="he-IL" smtClean="0"/>
              <a:t>רמה חמישית</a:t>
            </a:r>
            <a:endParaRPr lang="en-US"/>
          </a:p>
        </p:txBody>
      </p:sp>
      <p:sp>
        <p:nvSpPr>
          <p:cNvPr id="4" name="מציין מיקום של תאריך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1FC0062-AFDB-4469-B36B-71549AFD8FA2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2/7/2015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מציין מיקום של כותרת תחתונה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מציין מיקום של מספר שקופית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88414336-847E-46F4-917C-5E428F8FC852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3242216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diagramQuickStyle" Target="../diagrams/quickStyle1.xml"/><Relationship Id="rId7" Type="http://schemas.openxmlformats.org/officeDocument/2006/relationships/tags" Target="../tags/tag7.xml"/><Relationship Id="rId71" Type="http://schemas.openxmlformats.org/officeDocument/2006/relationships/diagramData" Target="../diagrams/data2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diagramData" Target="../diagrams/data1.xml"/><Relationship Id="rId74" Type="http://schemas.openxmlformats.org/officeDocument/2006/relationships/diagramColors" Target="../diagrams/colors2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slideLayout" Target="../slideLayouts/slideLayout18.xml"/><Relationship Id="rId73" Type="http://schemas.openxmlformats.org/officeDocument/2006/relationships/diagramQuickStyle" Target="../diagrams/quickStyle2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diagramColors" Target="../diagrams/colors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diagramLayout" Target="../diagrams/layout2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diagramLayout" Target="../diagrams/layout1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microsoft.com/office/2007/relationships/diagramDrawing" Target="../diagrams/drawing1.xml"/><Relationship Id="rId75" Type="http://schemas.microsoft.com/office/2007/relationships/diagramDrawing" Target="../diagrams/drawing2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_rels/slide3.xml.rels><?xml version="1.0" encoding="UTF-8" standalone="yes"?>
<Relationships xmlns="http://schemas.openxmlformats.org/package/2006/relationships"><Relationship Id="rId13" Type="http://schemas.openxmlformats.org/officeDocument/2006/relationships/tags" Target="../tags/tag77.xml"/><Relationship Id="rId18" Type="http://schemas.openxmlformats.org/officeDocument/2006/relationships/tags" Target="../tags/tag82.xml"/><Relationship Id="rId26" Type="http://schemas.openxmlformats.org/officeDocument/2006/relationships/tags" Target="../tags/tag90.xml"/><Relationship Id="rId39" Type="http://schemas.openxmlformats.org/officeDocument/2006/relationships/tags" Target="../tags/tag103.xml"/><Relationship Id="rId21" Type="http://schemas.openxmlformats.org/officeDocument/2006/relationships/tags" Target="../tags/tag85.xml"/><Relationship Id="rId34" Type="http://schemas.openxmlformats.org/officeDocument/2006/relationships/tags" Target="../tags/tag98.xml"/><Relationship Id="rId42" Type="http://schemas.openxmlformats.org/officeDocument/2006/relationships/tags" Target="../tags/tag106.xml"/><Relationship Id="rId47" Type="http://schemas.openxmlformats.org/officeDocument/2006/relationships/tags" Target="../tags/tag111.xml"/><Relationship Id="rId50" Type="http://schemas.openxmlformats.org/officeDocument/2006/relationships/tags" Target="../tags/tag114.xml"/><Relationship Id="rId55" Type="http://schemas.openxmlformats.org/officeDocument/2006/relationships/tags" Target="../tags/tag119.xml"/><Relationship Id="rId7" Type="http://schemas.openxmlformats.org/officeDocument/2006/relationships/tags" Target="../tags/tag71.xml"/><Relationship Id="rId2" Type="http://schemas.openxmlformats.org/officeDocument/2006/relationships/tags" Target="../tags/tag66.xml"/><Relationship Id="rId16" Type="http://schemas.openxmlformats.org/officeDocument/2006/relationships/tags" Target="../tags/tag80.xml"/><Relationship Id="rId20" Type="http://schemas.openxmlformats.org/officeDocument/2006/relationships/tags" Target="../tags/tag84.xml"/><Relationship Id="rId29" Type="http://schemas.openxmlformats.org/officeDocument/2006/relationships/tags" Target="../tags/tag93.xml"/><Relationship Id="rId41" Type="http://schemas.openxmlformats.org/officeDocument/2006/relationships/tags" Target="../tags/tag105.xml"/><Relationship Id="rId54" Type="http://schemas.openxmlformats.org/officeDocument/2006/relationships/tags" Target="../tags/tag118.xml"/><Relationship Id="rId62" Type="http://schemas.microsoft.com/office/2007/relationships/diagramDrawing" Target="../diagrams/drawing3.xml"/><Relationship Id="rId1" Type="http://schemas.openxmlformats.org/officeDocument/2006/relationships/tags" Target="../tags/tag65.xml"/><Relationship Id="rId6" Type="http://schemas.openxmlformats.org/officeDocument/2006/relationships/tags" Target="../tags/tag70.xml"/><Relationship Id="rId11" Type="http://schemas.openxmlformats.org/officeDocument/2006/relationships/tags" Target="../tags/tag75.xml"/><Relationship Id="rId24" Type="http://schemas.openxmlformats.org/officeDocument/2006/relationships/tags" Target="../tags/tag88.xml"/><Relationship Id="rId32" Type="http://schemas.openxmlformats.org/officeDocument/2006/relationships/tags" Target="../tags/tag96.xml"/><Relationship Id="rId37" Type="http://schemas.openxmlformats.org/officeDocument/2006/relationships/tags" Target="../tags/tag101.xml"/><Relationship Id="rId40" Type="http://schemas.openxmlformats.org/officeDocument/2006/relationships/tags" Target="../tags/tag104.xml"/><Relationship Id="rId45" Type="http://schemas.openxmlformats.org/officeDocument/2006/relationships/tags" Target="../tags/tag109.xml"/><Relationship Id="rId53" Type="http://schemas.openxmlformats.org/officeDocument/2006/relationships/tags" Target="../tags/tag117.xml"/><Relationship Id="rId58" Type="http://schemas.openxmlformats.org/officeDocument/2006/relationships/diagramData" Target="../diagrams/data3.xml"/><Relationship Id="rId5" Type="http://schemas.openxmlformats.org/officeDocument/2006/relationships/tags" Target="../tags/tag69.xml"/><Relationship Id="rId15" Type="http://schemas.openxmlformats.org/officeDocument/2006/relationships/tags" Target="../tags/tag79.xml"/><Relationship Id="rId23" Type="http://schemas.openxmlformats.org/officeDocument/2006/relationships/tags" Target="../tags/tag87.xml"/><Relationship Id="rId28" Type="http://schemas.openxmlformats.org/officeDocument/2006/relationships/tags" Target="../tags/tag92.xml"/><Relationship Id="rId36" Type="http://schemas.openxmlformats.org/officeDocument/2006/relationships/tags" Target="../tags/tag100.xml"/><Relationship Id="rId49" Type="http://schemas.openxmlformats.org/officeDocument/2006/relationships/tags" Target="../tags/tag113.xml"/><Relationship Id="rId57" Type="http://schemas.openxmlformats.org/officeDocument/2006/relationships/slideLayout" Target="../slideLayouts/slideLayout18.xml"/><Relationship Id="rId61" Type="http://schemas.openxmlformats.org/officeDocument/2006/relationships/diagramColors" Target="../diagrams/colors3.xml"/><Relationship Id="rId10" Type="http://schemas.openxmlformats.org/officeDocument/2006/relationships/tags" Target="../tags/tag74.xml"/><Relationship Id="rId19" Type="http://schemas.openxmlformats.org/officeDocument/2006/relationships/tags" Target="../tags/tag83.xml"/><Relationship Id="rId31" Type="http://schemas.openxmlformats.org/officeDocument/2006/relationships/tags" Target="../tags/tag95.xml"/><Relationship Id="rId44" Type="http://schemas.openxmlformats.org/officeDocument/2006/relationships/tags" Target="../tags/tag108.xml"/><Relationship Id="rId52" Type="http://schemas.openxmlformats.org/officeDocument/2006/relationships/tags" Target="../tags/tag116.xml"/><Relationship Id="rId60" Type="http://schemas.openxmlformats.org/officeDocument/2006/relationships/diagramQuickStyle" Target="../diagrams/quickStyle3.xml"/><Relationship Id="rId4" Type="http://schemas.openxmlformats.org/officeDocument/2006/relationships/tags" Target="../tags/tag68.xml"/><Relationship Id="rId9" Type="http://schemas.openxmlformats.org/officeDocument/2006/relationships/tags" Target="../tags/tag73.xml"/><Relationship Id="rId14" Type="http://schemas.openxmlformats.org/officeDocument/2006/relationships/tags" Target="../tags/tag78.xml"/><Relationship Id="rId22" Type="http://schemas.openxmlformats.org/officeDocument/2006/relationships/tags" Target="../tags/tag86.xml"/><Relationship Id="rId27" Type="http://schemas.openxmlformats.org/officeDocument/2006/relationships/tags" Target="../tags/tag91.xml"/><Relationship Id="rId30" Type="http://schemas.openxmlformats.org/officeDocument/2006/relationships/tags" Target="../tags/tag94.xml"/><Relationship Id="rId35" Type="http://schemas.openxmlformats.org/officeDocument/2006/relationships/tags" Target="../tags/tag99.xml"/><Relationship Id="rId43" Type="http://schemas.openxmlformats.org/officeDocument/2006/relationships/tags" Target="../tags/tag107.xml"/><Relationship Id="rId48" Type="http://schemas.openxmlformats.org/officeDocument/2006/relationships/tags" Target="../tags/tag112.xml"/><Relationship Id="rId56" Type="http://schemas.openxmlformats.org/officeDocument/2006/relationships/tags" Target="../tags/tag120.xml"/><Relationship Id="rId8" Type="http://schemas.openxmlformats.org/officeDocument/2006/relationships/tags" Target="../tags/tag72.xml"/><Relationship Id="rId51" Type="http://schemas.openxmlformats.org/officeDocument/2006/relationships/tags" Target="../tags/tag115.xml"/><Relationship Id="rId3" Type="http://schemas.openxmlformats.org/officeDocument/2006/relationships/tags" Target="../tags/tag67.xml"/><Relationship Id="rId12" Type="http://schemas.openxmlformats.org/officeDocument/2006/relationships/tags" Target="../tags/tag76.xml"/><Relationship Id="rId17" Type="http://schemas.openxmlformats.org/officeDocument/2006/relationships/tags" Target="../tags/tag81.xml"/><Relationship Id="rId25" Type="http://schemas.openxmlformats.org/officeDocument/2006/relationships/tags" Target="../tags/tag89.xml"/><Relationship Id="rId33" Type="http://schemas.openxmlformats.org/officeDocument/2006/relationships/tags" Target="../tags/tag97.xml"/><Relationship Id="rId38" Type="http://schemas.openxmlformats.org/officeDocument/2006/relationships/tags" Target="../tags/tag102.xml"/><Relationship Id="rId46" Type="http://schemas.openxmlformats.org/officeDocument/2006/relationships/tags" Target="../tags/tag110.xml"/><Relationship Id="rId59" Type="http://schemas.openxmlformats.org/officeDocument/2006/relationships/diagramLayout" Target="../diagrams/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כותרת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he-IL" dirty="0" smtClean="0"/>
              <a:t>סימולציה 2015-2016</a:t>
            </a:r>
            <a:endParaRPr lang="en-US" dirty="0"/>
          </a:p>
        </p:txBody>
      </p:sp>
      <p:sp>
        <p:nvSpPr>
          <p:cNvPr id="3" name="כותרת משנה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he-IL" dirty="0" smtClean="0"/>
              <a:t>מפגש מפקד </a:t>
            </a:r>
            <a:r>
              <a:rPr lang="he-IL" dirty="0" err="1" smtClean="0"/>
              <a:t>מב"ל</a:t>
            </a:r>
            <a:r>
              <a:rPr lang="he-IL" dirty="0" smtClean="0"/>
              <a:t> עם ראשי הצוותי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2649015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795356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val="787666232"/>
              </p:ext>
            </p:extLst>
          </p:nvPr>
        </p:nvGraphicFramePr>
        <p:xfrm>
          <a:off x="-197016" y="3502673"/>
          <a:ext cx="12449346" cy="366451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6" r:lo="rId67" r:qs="rId68" r:cs="rId69"/>
          </a:graphicData>
        </a:graphic>
      </p:graphicFrame>
      <p:sp>
        <p:nvSpPr>
          <p:cNvPr id="417" name="TextBox 416"/>
          <p:cNvSpPr txBox="1"/>
          <p:nvPr/>
        </p:nvSpPr>
        <p:spPr>
          <a:xfrm>
            <a:off x="6338006" y="1422308"/>
            <a:ext cx="123463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sz="1400" b="1" dirty="0">
                <a:solidFill>
                  <a:schemeClr val="dk1"/>
                </a:solidFill>
                <a:latin typeface="Calibri" panose="020F0502020204030204" pitchFamily="34" charset="0"/>
              </a:rPr>
              <a:t>תחילת עבודה </a:t>
            </a:r>
          </a:p>
          <a:p>
            <a:pPr algn="ctr"/>
            <a:r>
              <a:rPr lang="he-IL" sz="1400" b="1" dirty="0" err="1">
                <a:solidFill>
                  <a:schemeClr val="dk1"/>
                </a:solidFill>
                <a:latin typeface="Calibri" panose="020F0502020204030204" pitchFamily="34" charset="0"/>
              </a:rPr>
              <a:t>ב"קברנט</a:t>
            </a:r>
            <a:r>
              <a:rPr lang="he-IL" sz="1400" b="1" dirty="0">
                <a:solidFill>
                  <a:schemeClr val="dk1"/>
                </a:solidFill>
                <a:latin typeface="Calibri" panose="020F0502020204030204" pitchFamily="34" charset="0"/>
              </a:rPr>
              <a:t>"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6954381" y="1945528"/>
            <a:ext cx="942" cy="11479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  <a:endParaRPr lang="en-US" b="1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14" smtClean="0">
                <a:solidFill>
                  <a:schemeClr val="lt1"/>
                </a:solidFill>
                <a:latin typeface="Calibri" panose="020F0502020204030204" pitchFamily="34" charset="0"/>
              </a:rPr>
              <a:t>Day 1</a:t>
            </a:r>
            <a:endParaRPr lang="en-US" sz="1200" spc="-14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33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49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65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81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6" smtClean="0">
                <a:solidFill>
                  <a:schemeClr val="lt1"/>
                </a:solidFill>
                <a:latin typeface="Calibri" panose="020F0502020204030204" pitchFamily="34" charset="0"/>
              </a:rPr>
              <a:t>97</a:t>
            </a:r>
            <a:endParaRPr lang="en-US" sz="1200" spc="-26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2" smtClean="0">
                <a:solidFill>
                  <a:schemeClr val="lt1"/>
                </a:solidFill>
                <a:latin typeface="Calibri" panose="020F0502020204030204" pitchFamily="34" charset="0"/>
              </a:rPr>
              <a:t>113</a:t>
            </a:r>
            <a:endParaRPr lang="en-US" sz="1200" spc="-22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יל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תהליך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smtClean="0">
                <a:solidFill>
                  <a:srgbClr val="1F497E"/>
                </a:solidFill>
                <a:latin typeface="Calibri" panose="020F0502020204030204" pitchFamily="34" charset="0"/>
              </a:rPr>
              <a:t>16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מערכת המערכות</a:t>
            </a:r>
          </a:p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חלון זמנים)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19" y="2458450"/>
            <a:ext cx="114171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19-26/1/2016</a:t>
            </a:r>
            <a:endParaRPr lang="en-US" sz="1400" b="1" spc="-8" dirty="0">
              <a:solidFill>
                <a:srgbClr val="1F497E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987544" y="193151"/>
            <a:ext cx="843757" cy="99844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פרסום התרחיש הראשוני</a:t>
            </a:r>
          </a:p>
          <a:p>
            <a:pPr algn="ctr" rtl="1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(הקשר ספציפי)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188711" y="2008750"/>
            <a:ext cx="108068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400" b="1" spc="-8" dirty="0" smtClean="0">
                <a:solidFill>
                  <a:srgbClr val="1F497E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20</a:t>
            </a:r>
            <a:r>
              <a:rPr lang="en-US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-</a:t>
            </a:r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5/2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6962" y="233000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396053" y="651874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מערכה מדינית-צבאית למול התרחיש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452029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795356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</a:t>
            </a:r>
            <a:r>
              <a:rPr lang="he-IL" sz="1400" b="1" dirty="0">
                <a:solidFill>
                  <a:srgbClr val="FF0000"/>
                </a:solidFill>
                <a:latin typeface="Calibri" panose="020F0502020204030204" pitchFamily="34" charset="0"/>
              </a:rPr>
              <a:t>1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"Reframing"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שבוע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0-27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אקט סימולציה </a:t>
            </a:r>
            <a:r>
              <a:rPr lang="he-IL" sz="1400" b="1" dirty="0" smtClean="0">
                <a:solidFill>
                  <a:srgbClr val="FF0000"/>
                </a:solidFill>
                <a:latin typeface="Calibri" panose="020F0502020204030204" pitchFamily="34" charset="0"/>
              </a:rPr>
              <a:t>2</a:t>
            </a:r>
            <a:endParaRPr lang="en-US" sz="1400" b="1" dirty="0">
              <a:solidFill>
                <a:srgbClr val="FF0000"/>
              </a:solidFill>
              <a:latin typeface="Calibri" panose="020F0502020204030204" pitchFamily="34" charset="0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7-28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F0000"/>
              </a:solidFill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חקיר וסיכום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30/3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23652" y="2513570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פקת תוצר מסכם 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1/4/2016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1990942"/>
            <a:ext cx="138430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</a:p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בניי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תהליך הלמידה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he-IL" sz="1400" b="1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23/12/2015</a:t>
            </a:r>
            <a:endParaRPr lang="en-US" sz="1400" b="1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46" name="סוגר זוויתי 445"/>
          <p:cNvSpPr/>
          <p:nvPr/>
        </p:nvSpPr>
        <p:spPr>
          <a:xfrm>
            <a:off x="9398898" y="3739459"/>
            <a:ext cx="2542516" cy="1581589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algn="ctr"/>
            <a:r>
              <a:rPr lang="he-IL" sz="1600" b="1" u="sng" dirty="0" smtClean="0"/>
              <a:t>שלב התחקיר</a:t>
            </a:r>
          </a:p>
          <a:p>
            <a:pPr lvl="0" algn="ctr"/>
            <a:r>
              <a:rPr lang="he-IL" sz="14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תחקיר בפורמט</a:t>
            </a:r>
            <a:endParaRPr lang="he-IL" sz="14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</a:endParaRPr>
          </a:p>
          <a:p>
            <a:pPr lvl="0" algn="ctr"/>
            <a:r>
              <a:rPr lang="he-IL" sz="1400" dirty="0" smtClean="0"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</a:rPr>
              <a:t>סיכום קבוצתי ואישי </a:t>
            </a:r>
            <a:endParaRPr lang="en-US" sz="1400" dirty="0"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</a:endParaRPr>
          </a:p>
          <a:p>
            <a:pPr algn="ctr"/>
            <a:endParaRPr lang="he-IL" sz="1600" b="1" u="sng" dirty="0" smtClean="0"/>
          </a:p>
        </p:txBody>
      </p:sp>
      <p:grpSp>
        <p:nvGrpSpPr>
          <p:cNvPr id="66" name="קבוצה 65"/>
          <p:cNvGrpSpPr/>
          <p:nvPr/>
        </p:nvGrpSpPr>
        <p:grpSpPr>
          <a:xfrm>
            <a:off x="-74705" y="3921375"/>
            <a:ext cx="2487611" cy="1345992"/>
            <a:chOff x="-2391298" y="1007104"/>
            <a:chExt cx="3144388" cy="1413736"/>
          </a:xfrm>
        </p:grpSpPr>
        <p:sp>
          <p:nvSpPr>
            <p:cNvPr id="67" name="סוגר זוויתי 66"/>
            <p:cNvSpPr/>
            <p:nvPr/>
          </p:nvSpPr>
          <p:spPr>
            <a:xfrm>
              <a:off x="-2391298" y="1007104"/>
              <a:ext cx="3144388" cy="1251583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1539654" y="1169256"/>
              <a:ext cx="1935388" cy="1251584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600" b="1" u="sng" kern="1200" dirty="0" smtClean="0"/>
                <a:t>שלב </a:t>
              </a:r>
              <a:r>
                <a:rPr lang="he-IL" sz="1600" b="1" u="sng" kern="1200" dirty="0" smtClean="0"/>
                <a:t>הבניית הלמידה</a:t>
              </a:r>
              <a:endParaRPr lang="he-IL" sz="1600" b="1" u="sng" kern="1200" dirty="0" smtClean="0"/>
            </a:p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400" dirty="0" smtClean="0"/>
                <a:t>ארגון ותכנון</a:t>
              </a:r>
            </a:p>
            <a:p>
              <a:pPr lvl="0" algn="ctr" defTabSz="7112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r>
                <a:rPr lang="he-IL" sz="1400" kern="1200" dirty="0" smtClean="0"/>
                <a:t>לו"ז</a:t>
              </a:r>
              <a:endParaRPr lang="en-US" sz="1400" kern="1200" dirty="0"/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6943728" y="1903650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TextBox 72"/>
          <p:cNvSpPr txBox="1"/>
          <p:nvPr/>
        </p:nvSpPr>
        <p:spPr>
          <a:xfrm>
            <a:off x="-36349" y="4182270"/>
            <a:ext cx="931925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e-IL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שלבי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התהליך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5" name="דיאגרמה 4"/>
          <p:cNvGraphicFramePr/>
          <p:nvPr>
            <p:extLst>
              <p:ext uri="{D42A27DB-BD31-4B8C-83A1-F6EECF244321}">
                <p14:modId xmlns:p14="http://schemas.microsoft.com/office/powerpoint/2010/main" val="925959631"/>
              </p:ext>
            </p:extLst>
          </p:nvPr>
        </p:nvGraphicFramePr>
        <p:xfrm>
          <a:off x="561190" y="5032305"/>
          <a:ext cx="11602980" cy="195987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71" r:lo="rId72" r:qs="rId73" r:cs="rId74"/>
          </a:graphicData>
        </a:graphic>
      </p:graphicFrame>
      <p:sp>
        <p:nvSpPr>
          <p:cNvPr id="75" name="TextBox 74"/>
          <p:cNvSpPr txBox="1"/>
          <p:nvPr/>
        </p:nvSpPr>
        <p:spPr>
          <a:xfrm>
            <a:off x="90045" y="6163614"/>
            <a:ext cx="857927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מופעים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ומכים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76" name="OTLSHAPE_M_7e4083913e934642a3382a090fdc1f83_Connector1"/>
          <p:cNvCxnSpPr/>
          <p:nvPr>
            <p:custDataLst>
              <p:tags r:id="rId57"/>
            </p:custDataLst>
          </p:nvPr>
        </p:nvCxnSpPr>
        <p:spPr>
          <a:xfrm>
            <a:off x="6320499" y="1260433"/>
            <a:ext cx="21499" cy="177871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8" name="OTLSHAPE_M_7e4083913e934642a3382a090fdc1f83_Shape"/>
          <p:cNvSpPr/>
          <p:nvPr>
            <p:custDataLst>
              <p:tags r:id="rId58"/>
            </p:custDataLst>
          </p:nvPr>
        </p:nvSpPr>
        <p:spPr>
          <a:xfrm rot="16200000">
            <a:off x="6319367" y="123372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7e4083913e934642a3382a090fdc1f83_Title"/>
          <p:cNvSpPr txBox="1"/>
          <p:nvPr>
            <p:custDataLst>
              <p:tags r:id="rId59"/>
            </p:custDataLst>
          </p:nvPr>
        </p:nvSpPr>
        <p:spPr>
          <a:xfrm>
            <a:off x="5272000" y="1196025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צגת 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אסטרטגיה מכוננת</a:t>
            </a:r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</a:t>
            </a:r>
          </a:p>
          <a:p>
            <a:pPr algn="ctr" rtl="1"/>
            <a:r>
              <a:rPr lang="en-US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)</a:t>
            </a:r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ח.ז)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80" name="OTLSHAPE_M_7e4083913e934642a3382a090fdc1f83_Connector1"/>
          <p:cNvCxnSpPr/>
          <p:nvPr>
            <p:custDataLst>
              <p:tags r:id="rId60"/>
            </p:custDataLst>
          </p:nvPr>
        </p:nvCxnSpPr>
        <p:spPr>
          <a:xfrm flipH="1">
            <a:off x="8296655" y="651874"/>
            <a:ext cx="14652" cy="2344251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7e4083913e934642a3382a090fdc1f83_Shape"/>
          <p:cNvSpPr/>
          <p:nvPr>
            <p:custDataLst>
              <p:tags r:id="rId61"/>
            </p:custDataLst>
          </p:nvPr>
        </p:nvSpPr>
        <p:spPr>
          <a:xfrm rot="16200000">
            <a:off x="8306859" y="650939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7e4083913e934642a3382a090fdc1f83_Title"/>
          <p:cNvSpPr txBox="1"/>
          <p:nvPr>
            <p:custDataLst>
              <p:tags r:id="rId62"/>
            </p:custDataLst>
          </p:nvPr>
        </p:nvSpPr>
        <p:spPr>
          <a:xfrm>
            <a:off x="7963517" y="48291"/>
            <a:ext cx="767860" cy="69709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 rtl="1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עדכון התרחיש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4" name="OTLSHAPE_M_4c2577eaa5f8482d87d15801575af368_Title"/>
          <p:cNvSpPr txBox="1"/>
          <p:nvPr>
            <p:custDataLst>
              <p:tags r:id="rId63"/>
            </p:custDataLst>
          </p:nvPr>
        </p:nvSpPr>
        <p:spPr>
          <a:xfrm>
            <a:off x="11485526" y="865548"/>
            <a:ext cx="590551" cy="82388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he-IL" sz="14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הגשת דו"ח למידה אישי</a:t>
            </a:r>
            <a:endParaRPr lang="en-US" sz="14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85" name="OTLSHAPE_M_7e4083913e934642a3382a090fdc1f83_Shape"/>
          <p:cNvSpPr/>
          <p:nvPr>
            <p:custDataLst>
              <p:tags r:id="rId64"/>
            </p:custDataLst>
          </p:nvPr>
        </p:nvSpPr>
        <p:spPr>
          <a:xfrm rot="16200000">
            <a:off x="11776314" y="172098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9" name="מחבר ישר 8"/>
          <p:cNvCxnSpPr>
            <a:stCxn id="85" idx="0"/>
          </p:cNvCxnSpPr>
          <p:nvPr/>
        </p:nvCxnSpPr>
        <p:spPr>
          <a:xfrm>
            <a:off x="11776314" y="1803538"/>
            <a:ext cx="4487" cy="1244462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8" name="חץ ימינה מחורץ 87"/>
          <p:cNvSpPr/>
          <p:nvPr/>
        </p:nvSpPr>
        <p:spPr>
          <a:xfrm>
            <a:off x="557109" y="5422338"/>
            <a:ext cx="11602980" cy="783951"/>
          </a:xfrm>
          <a:prstGeom prst="notchedRightArrow">
            <a:avLst/>
          </a:prstGeom>
        </p:spPr>
        <p:style>
          <a:lnRef idx="0">
            <a:schemeClr val="accent1">
              <a:hueOff val="0"/>
              <a:satOff val="0"/>
              <a:lumOff val="0"/>
              <a:alphaOff val="0"/>
            </a:schemeClr>
          </a:lnRef>
          <a:fillRef idx="1">
            <a:schemeClr val="accent1"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</p:sp>
      <p:sp>
        <p:nvSpPr>
          <p:cNvPr id="89" name="TextBox 88"/>
          <p:cNvSpPr txBox="1"/>
          <p:nvPr/>
        </p:nvSpPr>
        <p:spPr>
          <a:xfrm>
            <a:off x="7061" y="5646039"/>
            <a:ext cx="845103" cy="369332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וצרים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0" name="אליפסה 89"/>
          <p:cNvSpPr/>
          <p:nvPr/>
        </p:nvSpPr>
        <p:spPr>
          <a:xfrm>
            <a:off x="5520990" y="5716319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/>
          <a:lstStyle/>
          <a:p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4408650" y="5609435"/>
            <a:ext cx="11304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he-IL" dirty="0" smtClean="0"/>
              <a:t>אסטרטגיה</a:t>
            </a:r>
            <a:endParaRPr lang="en-US" dirty="0"/>
          </a:p>
        </p:txBody>
      </p:sp>
      <p:sp>
        <p:nvSpPr>
          <p:cNvPr id="92" name="אליפסה 91"/>
          <p:cNvSpPr/>
          <p:nvPr/>
        </p:nvSpPr>
        <p:spPr>
          <a:xfrm>
            <a:off x="7773219" y="5716319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3" name="אליפסה 92"/>
          <p:cNvSpPr/>
          <p:nvPr/>
        </p:nvSpPr>
        <p:spPr>
          <a:xfrm>
            <a:off x="10270420" y="5696723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4" name="אליפסה 93"/>
          <p:cNvSpPr/>
          <p:nvPr/>
        </p:nvSpPr>
        <p:spPr>
          <a:xfrm>
            <a:off x="11580327" y="5696723"/>
            <a:ext cx="195987" cy="195987"/>
          </a:xfrm>
          <a:prstGeom prst="ellipse">
            <a:avLst/>
          </a:prstGeom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</p:sp>
      <p:sp>
        <p:nvSpPr>
          <p:cNvPr id="95" name="TextBox 94"/>
          <p:cNvSpPr txBox="1"/>
          <p:nvPr/>
        </p:nvSpPr>
        <p:spPr>
          <a:xfrm>
            <a:off x="6708646" y="5610050"/>
            <a:ext cx="113045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he-IL" dirty="0" smtClean="0"/>
              <a:t>מערכה</a:t>
            </a:r>
            <a:endParaRPr lang="en-US" dirty="0"/>
          </a:p>
        </p:txBody>
      </p:sp>
      <p:sp>
        <p:nvSpPr>
          <p:cNvPr id="96" name="TextBox 95"/>
          <p:cNvSpPr txBox="1"/>
          <p:nvPr/>
        </p:nvSpPr>
        <p:spPr>
          <a:xfrm>
            <a:off x="8834386" y="5613201"/>
            <a:ext cx="147022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he-IL" dirty="0" smtClean="0"/>
              <a:t>סיכום קבוצתי</a:t>
            </a:r>
            <a:endParaRPr lang="en-US" dirty="0"/>
          </a:p>
        </p:txBody>
      </p:sp>
      <p:sp>
        <p:nvSpPr>
          <p:cNvPr id="97" name="TextBox 96"/>
          <p:cNvSpPr txBox="1"/>
          <p:nvPr/>
        </p:nvSpPr>
        <p:spPr>
          <a:xfrm>
            <a:off x="10446328" y="5595379"/>
            <a:ext cx="1202371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 rtl="1"/>
            <a:r>
              <a:rPr lang="he-IL" dirty="0" smtClean="0"/>
              <a:t>סיכום אישי</a:t>
            </a:r>
            <a:endParaRPr lang="en-US" dirty="0"/>
          </a:p>
        </p:txBody>
      </p:sp>
      <p:sp>
        <p:nvSpPr>
          <p:cNvPr id="11" name="TextBox 10"/>
          <p:cNvSpPr txBox="1"/>
          <p:nvPr/>
        </p:nvSpPr>
        <p:spPr>
          <a:xfrm>
            <a:off x="5481434" y="5633070"/>
            <a:ext cx="314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א</a:t>
            </a:r>
            <a:endParaRPr lang="en-US" dirty="0"/>
          </a:p>
        </p:txBody>
      </p:sp>
      <p:sp>
        <p:nvSpPr>
          <p:cNvPr id="99" name="TextBox 98"/>
          <p:cNvSpPr txBox="1"/>
          <p:nvPr/>
        </p:nvSpPr>
        <p:spPr>
          <a:xfrm>
            <a:off x="11521065" y="5590344"/>
            <a:ext cx="30168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ד</a:t>
            </a:r>
            <a:endParaRPr lang="en-US" dirty="0"/>
          </a:p>
        </p:txBody>
      </p:sp>
      <p:sp>
        <p:nvSpPr>
          <p:cNvPr id="100" name="TextBox 99"/>
          <p:cNvSpPr txBox="1"/>
          <p:nvPr/>
        </p:nvSpPr>
        <p:spPr>
          <a:xfrm>
            <a:off x="10246952" y="5609435"/>
            <a:ext cx="276038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ג</a:t>
            </a:r>
            <a:endParaRPr lang="en-US" dirty="0"/>
          </a:p>
        </p:txBody>
      </p:sp>
      <p:sp>
        <p:nvSpPr>
          <p:cNvPr id="101" name="TextBox 100"/>
          <p:cNvSpPr txBox="1"/>
          <p:nvPr/>
        </p:nvSpPr>
        <p:spPr>
          <a:xfrm>
            <a:off x="7735772" y="5625226"/>
            <a:ext cx="314510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he-IL" dirty="0" smtClean="0"/>
              <a:t>ב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1172704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73" name="OTLSHAPE_M_7a30b6abf1d14420ba43f690b7289863_Connector1"/>
          <p:cNvCxnSpPr/>
          <p:nvPr>
            <p:custDataLst>
              <p:tags r:id="rId2"/>
            </p:custDataLst>
          </p:nvPr>
        </p:nvCxnSpPr>
        <p:spPr>
          <a:xfrm>
            <a:off x="978601" y="2599478"/>
            <a:ext cx="0" cy="448522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2" name="OTLSHAPE_M_4c2577eaa5f8482d87d15801575af368_Connector1"/>
          <p:cNvCxnSpPr/>
          <p:nvPr>
            <p:custDataLst>
              <p:tags r:id="rId3"/>
            </p:custDataLst>
          </p:nvPr>
        </p:nvCxnSpPr>
        <p:spPr>
          <a:xfrm>
            <a:off x="10466734" y="2388288"/>
            <a:ext cx="0" cy="619040"/>
          </a:xfrm>
          <a:prstGeom prst="line">
            <a:avLst/>
          </a:prstGeom>
          <a:ln w="4763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" name="OTLSHAPE_M_8b0e5cdca07b417fa561421310f3b2e0_Connector1"/>
          <p:cNvCxnSpPr/>
          <p:nvPr>
            <p:custDataLst>
              <p:tags r:id="rId4"/>
            </p:custDataLst>
          </p:nvPr>
        </p:nvCxnSpPr>
        <p:spPr>
          <a:xfrm>
            <a:off x="9020015" y="2514219"/>
            <a:ext cx="0" cy="533781"/>
          </a:xfrm>
          <a:prstGeom prst="line">
            <a:avLst/>
          </a:prstGeom>
          <a:ln w="4763" cap="flat" cmpd="sng" algn="ctr">
            <a:solidFill>
              <a:srgbClr val="02B2E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0" name="OTLSHAPE_M_c8d12c432ce94daa8e70fbdb25bbbd21_Connector1"/>
          <p:cNvCxnSpPr/>
          <p:nvPr>
            <p:custDataLst>
              <p:tags r:id="rId5"/>
            </p:custDataLst>
          </p:nvPr>
        </p:nvCxnSpPr>
        <p:spPr>
          <a:xfrm>
            <a:off x="8855904" y="1846707"/>
            <a:ext cx="0" cy="1201293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9" name="OTLSHAPE_M_d6c5e6c1337a43bf985d430d4edd4f61_Connector1"/>
          <p:cNvCxnSpPr/>
          <p:nvPr>
            <p:custDataLst>
              <p:tags r:id="rId6"/>
            </p:custDataLst>
          </p:nvPr>
        </p:nvCxnSpPr>
        <p:spPr>
          <a:xfrm>
            <a:off x="8773849" y="1327954"/>
            <a:ext cx="0" cy="1720046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8" name="OTLSHAPE_M_48147575bf8843cd818c6098686be6a6_Connector1"/>
          <p:cNvCxnSpPr/>
          <p:nvPr>
            <p:custDataLst>
              <p:tags r:id="rId7"/>
            </p:custDataLst>
          </p:nvPr>
        </p:nvCxnSpPr>
        <p:spPr>
          <a:xfrm>
            <a:off x="8445628" y="830961"/>
            <a:ext cx="0" cy="2217039"/>
          </a:xfrm>
          <a:prstGeom prst="line">
            <a:avLst/>
          </a:prstGeom>
          <a:ln w="4763" cap="flat" cmpd="sng" algn="ctr">
            <a:solidFill>
              <a:srgbClr val="EA161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7" name="OTLSHAPE_M_573a2f1125464b499973e36e644f6b9b_Connector1"/>
          <p:cNvCxnSpPr>
            <a:stCxn id="485" idx="0"/>
          </p:cNvCxnSpPr>
          <p:nvPr>
            <p:custDataLst>
              <p:tags r:id="rId8"/>
            </p:custDataLst>
          </p:nvPr>
        </p:nvCxnSpPr>
        <p:spPr>
          <a:xfrm>
            <a:off x="7952308" y="1921671"/>
            <a:ext cx="988" cy="112632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6" name="OTLSHAPE_M_7e4083913e934642a3382a090fdc1f83_Connector1"/>
          <p:cNvCxnSpPr/>
          <p:nvPr>
            <p:custDataLst>
              <p:tags r:id="rId9"/>
            </p:custDataLst>
          </p:nvPr>
        </p:nvCxnSpPr>
        <p:spPr>
          <a:xfrm>
            <a:off x="5655750" y="2343700"/>
            <a:ext cx="0" cy="704300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5" name="OTLSHAPE_M_e0ade5fef7894d3fac7c5769c5bdc1d5_Connector1"/>
          <p:cNvCxnSpPr/>
          <p:nvPr>
            <p:custDataLst>
              <p:tags r:id="rId10"/>
            </p:custDataLst>
          </p:nvPr>
        </p:nvCxnSpPr>
        <p:spPr>
          <a:xfrm>
            <a:off x="2783817" y="2290191"/>
            <a:ext cx="0" cy="757809"/>
          </a:xfrm>
          <a:prstGeom prst="line">
            <a:avLst/>
          </a:prstGeom>
          <a:ln w="4763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64" name="OTLSHAPE_M_fac1076f8bf44b93a2c32467e2b2f630_Connector1"/>
          <p:cNvCxnSpPr/>
          <p:nvPr>
            <p:custDataLst>
              <p:tags r:id="rId11"/>
            </p:custDataLst>
          </p:nvPr>
        </p:nvCxnSpPr>
        <p:spPr>
          <a:xfrm flipH="1">
            <a:off x="404215" y="1209633"/>
            <a:ext cx="25399" cy="1838367"/>
          </a:xfrm>
          <a:prstGeom prst="line">
            <a:avLst/>
          </a:prstGeom>
          <a:ln w="4763" cap="flat" cmpd="sng" algn="ctr">
            <a:solidFill>
              <a:srgbClr val="0072BC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3" name="OTLSHAPE_TB_00000000000000000000000000000000_ElapsedTimeExtension"/>
          <p:cNvSpPr/>
          <p:nvPr>
            <p:custDataLst>
              <p:tags r:id="rId12"/>
            </p:custDataLst>
          </p:nvPr>
        </p:nvSpPr>
        <p:spPr>
          <a:xfrm>
            <a:off x="844465" y="-150791"/>
            <a:ext cx="0" cy="3198791"/>
          </a:xfrm>
          <a:prstGeom prst="rect">
            <a:avLst/>
          </a:prstGeom>
          <a:gradFill flip="none" rotWithShape="1">
            <a:gsLst>
              <a:gs pos="100000">
                <a:srgbClr val="FF0000">
                  <a:alpha val="30196"/>
                </a:srgbClr>
              </a:gs>
              <a:gs pos="0">
                <a:srgbClr val="FF0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graphicFrame>
        <p:nvGraphicFramePr>
          <p:cNvPr id="413" name="דיאגרמה 412"/>
          <p:cNvGraphicFramePr/>
          <p:nvPr>
            <p:extLst>
              <p:ext uri="{D42A27DB-BD31-4B8C-83A1-F6EECF244321}">
                <p14:modId xmlns:p14="http://schemas.microsoft.com/office/powerpoint/2010/main" val="711411689"/>
              </p:ext>
            </p:extLst>
          </p:nvPr>
        </p:nvGraphicFramePr>
        <p:xfrm>
          <a:off x="0" y="3486380"/>
          <a:ext cx="12577934" cy="21013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58" r:lo="rId59" r:qs="rId60" r:cs="rId61"/>
          </a:graphicData>
        </a:graphic>
      </p:graphicFrame>
      <p:sp>
        <p:nvSpPr>
          <p:cNvPr id="416" name="TextBox 415"/>
          <p:cNvSpPr txBox="1"/>
          <p:nvPr/>
        </p:nvSpPr>
        <p:spPr>
          <a:xfrm>
            <a:off x="120674" y="6118800"/>
            <a:ext cx="857927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none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מופעים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ומכים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17" name="TextBox 416"/>
          <p:cNvSpPr txBox="1"/>
          <p:nvPr/>
        </p:nvSpPr>
        <p:spPr>
          <a:xfrm>
            <a:off x="6392610" y="1367983"/>
            <a:ext cx="1234633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ילת עבודה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err="1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ב"קברנט</a:t>
            </a: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"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cxnSp>
        <p:nvCxnSpPr>
          <p:cNvPr id="419" name="מחבר ישר 418"/>
          <p:cNvCxnSpPr>
            <a:stCxn id="417" idx="2"/>
          </p:cNvCxnSpPr>
          <p:nvPr/>
        </p:nvCxnSpPr>
        <p:spPr>
          <a:xfrm flipH="1">
            <a:off x="7008985" y="1891203"/>
            <a:ext cx="942" cy="1147943"/>
          </a:xfrm>
          <a:prstGeom prst="line">
            <a:avLst/>
          </a:prstGeom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49" name="OTLSHAPE_TB_00000000000000000000000000000000_LeftEndCaps" hidden="1"/>
          <p:cNvSpPr txBox="1"/>
          <p:nvPr>
            <p:custDataLst>
              <p:tags r:id="rId13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800" b="1" i="0" u="none" strike="noStrike" kern="1200" cap="none" spc="0" normalizeH="0" baseline="0" noProof="0" smtClean="0">
                <a:ln>
                  <a:noFill/>
                </a:ln>
                <a:solidFill>
                  <a:srgbClr val="C0504D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015</a:t>
            </a:r>
            <a:endParaRPr kumimoji="0" lang="en-US" sz="1800" b="1" i="0" u="none" strike="noStrike" kern="1200" cap="none" spc="0" normalizeH="0" baseline="0" noProof="0">
              <a:ln>
                <a:noFill/>
              </a:ln>
              <a:solidFill>
                <a:srgbClr val="C0504D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1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379309" y="3048000"/>
            <a:ext cx="11673572" cy="381000"/>
          </a:xfrm>
          <a:prstGeom prst="rect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2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4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>
            <a:off x="790037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55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844465" y="35560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Today</a:t>
            </a:r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6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379309" y="3145473"/>
            <a:ext cx="355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4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Day 1</a:t>
            </a:r>
            <a:endParaRPr kumimoji="0" lang="en-US" sz="1200" b="0" i="0" u="none" strike="noStrike" kern="1200" cap="none" spc="-14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7" name="OTLSHAPE_TB_00000000000000000000000000000000_TimescaleInterval2"/>
          <p:cNvSpPr txBox="1"/>
          <p:nvPr>
            <p:custDataLst>
              <p:tags r:id="rId19"/>
            </p:custDataLst>
          </p:nvPr>
        </p:nvSpPr>
        <p:spPr>
          <a:xfrm>
            <a:off x="1692193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7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8" name="OTLSHAPE_TB_00000000000000000000000000000000_TimescaleInterval3"/>
          <p:cNvSpPr txBox="1"/>
          <p:nvPr>
            <p:custDataLst>
              <p:tags r:id="rId20"/>
            </p:custDataLst>
          </p:nvPr>
        </p:nvSpPr>
        <p:spPr>
          <a:xfrm>
            <a:off x="3005077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3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59" name="OTLSHAPE_TB_00000000000000000000000000000000_TimescaleInterval4"/>
          <p:cNvSpPr txBox="1"/>
          <p:nvPr>
            <p:custDataLst>
              <p:tags r:id="rId21"/>
            </p:custDataLst>
          </p:nvPr>
        </p:nvSpPr>
        <p:spPr>
          <a:xfrm>
            <a:off x="4317961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9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0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630844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65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1" name="OTLSHAPE_TB_00000000000000000000000000000000_TimescaleInterval6"/>
          <p:cNvSpPr txBox="1"/>
          <p:nvPr>
            <p:custDataLst>
              <p:tags r:id="rId23"/>
            </p:custDataLst>
          </p:nvPr>
        </p:nvSpPr>
        <p:spPr>
          <a:xfrm>
            <a:off x="6943728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81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2" name="OTLSHAPE_TB_00000000000000000000000000000000_TimescaleInterval7"/>
          <p:cNvSpPr txBox="1"/>
          <p:nvPr>
            <p:custDataLst>
              <p:tags r:id="rId24"/>
            </p:custDataLst>
          </p:nvPr>
        </p:nvSpPr>
        <p:spPr>
          <a:xfrm>
            <a:off x="8256612" y="3145473"/>
            <a:ext cx="165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6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97</a:t>
            </a:r>
            <a:endParaRPr kumimoji="0" lang="en-US" sz="1200" b="0" i="0" u="none" strike="noStrike" kern="1200" cap="none" spc="-26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63" name="OTLSHAPE_TB_00000000000000000000000000000000_TimescaleInterval8"/>
          <p:cNvSpPr txBox="1"/>
          <p:nvPr>
            <p:custDataLst>
              <p:tags r:id="rId25"/>
            </p:custDataLst>
          </p:nvPr>
        </p:nvSpPr>
        <p:spPr>
          <a:xfrm>
            <a:off x="9569496" y="3145473"/>
            <a:ext cx="241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22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113</a:t>
            </a:r>
            <a:endParaRPr kumimoji="0" lang="en-US" sz="1200" b="0" i="0" u="none" strike="noStrike" kern="1200" cap="none" spc="-22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4" name="OTLSHAPE_M_fac1076f8bf44b93a2c32467e2b2f630_Title"/>
          <p:cNvSpPr txBox="1"/>
          <p:nvPr>
            <p:custDataLst>
              <p:tags r:id="rId26"/>
            </p:custDataLst>
          </p:nvPr>
        </p:nvSpPr>
        <p:spPr>
          <a:xfrm>
            <a:off x="489650" y="532289"/>
            <a:ext cx="71119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ילת התהליך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5" name="OTLSHAPE_M_fac1076f8bf44b93a2c32467e2b2f630_Date"/>
          <p:cNvSpPr txBox="1"/>
          <p:nvPr>
            <p:custDataLst>
              <p:tags r:id="rId27"/>
            </p:custDataLst>
          </p:nvPr>
        </p:nvSpPr>
        <p:spPr>
          <a:xfrm>
            <a:off x="488248" y="910098"/>
            <a:ext cx="89139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6/12/2015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6" name="OTLSHAPE_M_fac1076f8bf44b93a2c32467e2b2f630_Shape"/>
          <p:cNvSpPr/>
          <p:nvPr>
            <p:custDataLst>
              <p:tags r:id="rId28"/>
            </p:custDataLst>
          </p:nvPr>
        </p:nvSpPr>
        <p:spPr>
          <a:xfrm rot="16200000">
            <a:off x="436459" y="1095333"/>
            <a:ext cx="165100" cy="165100"/>
          </a:xfrm>
          <a:prstGeom prst="flowChartMerge">
            <a:avLst/>
          </a:prstGeom>
          <a:solidFill>
            <a:srgbClr val="0072BC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7" name="OTLSHAPE_M_e0ade5fef7894d3fac7c5769c5bdc1d5_Title"/>
          <p:cNvSpPr txBox="1"/>
          <p:nvPr>
            <p:custDataLst>
              <p:tags r:id="rId29"/>
            </p:custDataLst>
          </p:nvPr>
        </p:nvSpPr>
        <p:spPr>
          <a:xfrm>
            <a:off x="2877920" y="1302985"/>
            <a:ext cx="815961" cy="104494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מערכת המערכות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(מועד משוער)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8" name="OTLSHAPE_M_e0ade5fef7894d3fac7c5769c5bdc1d5_Date"/>
          <p:cNvSpPr txBox="1"/>
          <p:nvPr>
            <p:custDataLst>
              <p:tags r:id="rId30"/>
            </p:custDataLst>
          </p:nvPr>
        </p:nvSpPr>
        <p:spPr>
          <a:xfrm>
            <a:off x="2877920" y="2458450"/>
            <a:ext cx="99002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9/1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79" name="OTLSHAPE_M_e0ade5fef7894d3fac7c5769c5bdc1d5_Shape"/>
          <p:cNvSpPr/>
          <p:nvPr>
            <p:custDataLst>
              <p:tags r:id="rId31"/>
            </p:custDataLst>
          </p:nvPr>
        </p:nvSpPr>
        <p:spPr>
          <a:xfrm rot="16200000">
            <a:off x="2764318" y="2314613"/>
            <a:ext cx="165244" cy="126503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0" name="OTLSHAPE_M_7e4083913e934642a3382a090fdc1f83_Title"/>
          <p:cNvSpPr txBox="1"/>
          <p:nvPr>
            <p:custDataLst>
              <p:tags r:id="rId32"/>
            </p:custDataLst>
          </p:nvPr>
        </p:nvSpPr>
        <p:spPr>
          <a:xfrm>
            <a:off x="5557324" y="1453438"/>
            <a:ext cx="843757" cy="80164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אסטרטגיה מכוננת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1" name="OTLSHAPE_M_7e4083913e934642a3382a090fdc1f83_Date"/>
          <p:cNvSpPr txBox="1"/>
          <p:nvPr>
            <p:custDataLst>
              <p:tags r:id="rId33"/>
            </p:custDataLst>
          </p:nvPr>
        </p:nvSpPr>
        <p:spPr>
          <a:xfrm>
            <a:off x="5709663" y="2415314"/>
            <a:ext cx="807667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5/2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2" name="OTLSHAPE_M_7e4083913e934642a3382a090fdc1f83_Shape"/>
          <p:cNvSpPr/>
          <p:nvPr>
            <p:custDataLst>
              <p:tags r:id="rId34"/>
            </p:custDataLst>
          </p:nvPr>
        </p:nvSpPr>
        <p:spPr>
          <a:xfrm rot="16200000">
            <a:off x="5667461" y="225508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3" name="OTLSHAPE_M_573a2f1125464b499973e36e644f6b9b_Title"/>
          <p:cNvSpPr txBox="1"/>
          <p:nvPr>
            <p:custDataLst>
              <p:tags r:id="rId35"/>
            </p:custDataLst>
          </p:nvPr>
        </p:nvSpPr>
        <p:spPr>
          <a:xfrm>
            <a:off x="7553824" y="713558"/>
            <a:ext cx="933865" cy="121711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מערכה מדינית-צבאית למול התרחיש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4" name="OTLSHAPE_M_573a2f1125464b499973e36e644f6b9b_Date"/>
          <p:cNvSpPr txBox="1"/>
          <p:nvPr>
            <p:custDataLst>
              <p:tags r:id="rId36"/>
            </p:custDataLst>
          </p:nvPr>
        </p:nvSpPr>
        <p:spPr>
          <a:xfrm>
            <a:off x="7608981" y="2106769"/>
            <a:ext cx="869869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7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5" name="OTLSHAPE_M_573a2f1125464b499973e36e644f6b9b_Shape"/>
          <p:cNvSpPr/>
          <p:nvPr>
            <p:custDataLst>
              <p:tags r:id="rId37"/>
            </p:custDataLst>
          </p:nvPr>
        </p:nvSpPr>
        <p:spPr>
          <a:xfrm rot="16200000">
            <a:off x="7952308" y="1839121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6" name="OTLSHAPE_M_48147575bf8843cd818c6098686be6a6_Title"/>
          <p:cNvSpPr txBox="1"/>
          <p:nvPr>
            <p:custDataLst>
              <p:tags r:id="rId38"/>
            </p:custDataLst>
          </p:nvPr>
        </p:nvSpPr>
        <p:spPr>
          <a:xfrm>
            <a:off x="8699628" y="673831"/>
            <a:ext cx="169259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אקט סימולציה </a:t>
            </a:r>
            <a:r>
              <a:rPr kumimoji="0" lang="he-IL" sz="1400" b="1" i="0" u="none" strike="noStrike" kern="1200" cap="none" spc="0" normalizeH="0" baseline="0" noProof="0" dirty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1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7" name="OTLSHAPE_M_48147575bf8843cd818c6098686be6a6_Date"/>
          <p:cNvSpPr txBox="1"/>
          <p:nvPr>
            <p:custDataLst>
              <p:tags r:id="rId39"/>
            </p:custDataLst>
          </p:nvPr>
        </p:nvSpPr>
        <p:spPr>
          <a:xfrm>
            <a:off x="8731377" y="910098"/>
            <a:ext cx="823521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0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88" name="OTLSHAPE_M_48147575bf8843cd818c6098686be6a6_Shape"/>
          <p:cNvSpPr/>
          <p:nvPr>
            <p:custDataLst>
              <p:tags r:id="rId40"/>
            </p:custDataLst>
          </p:nvPr>
        </p:nvSpPr>
        <p:spPr>
          <a:xfrm rot="16200000">
            <a:off x="8471028" y="830961"/>
            <a:ext cx="228600" cy="228600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9" name="OTLSHAPE_M_d6c5e6c1337a43bf985d430d4edd4f61_Title"/>
          <p:cNvSpPr txBox="1"/>
          <p:nvPr>
            <p:custDataLst>
              <p:tags r:id="rId41"/>
            </p:custDataLst>
          </p:nvPr>
        </p:nvSpPr>
        <p:spPr>
          <a:xfrm>
            <a:off x="8996099" y="1184691"/>
            <a:ext cx="1396124" cy="19546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"Reframing"</a:t>
            </a: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שבוע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0" name="OTLSHAPE_M_d6c5e6c1337a43bf985d430d4edd4f61_Date"/>
          <p:cNvSpPr txBox="1"/>
          <p:nvPr>
            <p:custDataLst>
              <p:tags r:id="rId42"/>
            </p:custDataLst>
          </p:nvPr>
        </p:nvSpPr>
        <p:spPr>
          <a:xfrm>
            <a:off x="9003446" y="1367983"/>
            <a:ext cx="1280142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0-27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1" name="OTLSHAPE_M_d6c5e6c1337a43bf985d430d4edd4f61_Shape"/>
          <p:cNvSpPr/>
          <p:nvPr>
            <p:custDataLst>
              <p:tags r:id="rId43"/>
            </p:custDataLst>
          </p:nvPr>
        </p:nvSpPr>
        <p:spPr>
          <a:xfrm rot="16200000">
            <a:off x="8799249" y="1327954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2" name="OTLSHAPE_M_c8d12c432ce94daa8e70fbdb25bbbd21_Title"/>
          <p:cNvSpPr txBox="1"/>
          <p:nvPr>
            <p:custDataLst>
              <p:tags r:id="rId44"/>
            </p:custDataLst>
          </p:nvPr>
        </p:nvSpPr>
        <p:spPr>
          <a:xfrm>
            <a:off x="8978592" y="1689430"/>
            <a:ext cx="1700035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srgbClr val="FF0000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אקט סימולציה 2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3" name="OTLSHAPE_M_c8d12c432ce94daa8e70fbdb25bbbd21_Date"/>
          <p:cNvSpPr txBox="1"/>
          <p:nvPr>
            <p:custDataLst>
              <p:tags r:id="rId45"/>
            </p:custDataLst>
          </p:nvPr>
        </p:nvSpPr>
        <p:spPr>
          <a:xfrm>
            <a:off x="9141654" y="2011103"/>
            <a:ext cx="1304674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7-28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4" name="OTLSHAPE_M_c8d12c432ce94daa8e70fbdb25bbbd21_Shape"/>
          <p:cNvSpPr/>
          <p:nvPr>
            <p:custDataLst>
              <p:tags r:id="rId46"/>
            </p:custDataLst>
          </p:nvPr>
        </p:nvSpPr>
        <p:spPr>
          <a:xfrm rot="16200000">
            <a:off x="8881304" y="1846707"/>
            <a:ext cx="228600" cy="228600"/>
          </a:xfrm>
          <a:prstGeom prst="flowChartMerg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srgbClr val="FF0000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5" name="OTLSHAPE_M_8b0e5cdca07b417fa561421310f3b2e0_Title"/>
          <p:cNvSpPr txBox="1"/>
          <p:nvPr>
            <p:custDataLst>
              <p:tags r:id="rId47"/>
            </p:custDataLst>
          </p:nvPr>
        </p:nvSpPr>
        <p:spPr>
          <a:xfrm>
            <a:off x="9235914" y="2337633"/>
            <a:ext cx="671959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תחקיר וסיכום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6" name="OTLSHAPE_M_8b0e5cdca07b417fa561421310f3b2e0_Date"/>
          <p:cNvSpPr txBox="1"/>
          <p:nvPr>
            <p:custDataLst>
              <p:tags r:id="rId48"/>
            </p:custDataLst>
          </p:nvPr>
        </p:nvSpPr>
        <p:spPr>
          <a:xfrm>
            <a:off x="9242265" y="2741463"/>
            <a:ext cx="926523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30/3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7" name="OTLSHAPE_M_8b0e5cdca07b417fa561421310f3b2e0_Shape"/>
          <p:cNvSpPr/>
          <p:nvPr>
            <p:custDataLst>
              <p:tags r:id="rId49"/>
            </p:custDataLst>
          </p:nvPr>
        </p:nvSpPr>
        <p:spPr>
          <a:xfrm rot="16200000">
            <a:off x="9045415" y="2514219"/>
            <a:ext cx="165100" cy="165100"/>
          </a:xfrm>
          <a:prstGeom prst="flowChartMerge">
            <a:avLst/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8" name="OTLSHAPE_M_4c2577eaa5f8482d87d15801575af368_Title"/>
          <p:cNvSpPr txBox="1"/>
          <p:nvPr>
            <p:custDataLst>
              <p:tags r:id="rId50"/>
            </p:custDataLst>
          </p:nvPr>
        </p:nvSpPr>
        <p:spPr>
          <a:xfrm>
            <a:off x="10588093" y="1876732"/>
            <a:ext cx="590551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פקת תוצר מסכם 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499" name="OTLSHAPE_M_4c2577eaa5f8482d87d15801575af368_Date"/>
          <p:cNvSpPr txBox="1"/>
          <p:nvPr>
            <p:custDataLst>
              <p:tags r:id="rId51"/>
            </p:custDataLst>
          </p:nvPr>
        </p:nvSpPr>
        <p:spPr>
          <a:xfrm>
            <a:off x="10446328" y="2610422"/>
            <a:ext cx="870038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1/4/2016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0" name="OTLSHAPE_M_4c2577eaa5f8482d87d15801575af368_Shape"/>
          <p:cNvSpPr/>
          <p:nvPr>
            <p:custDataLst>
              <p:tags r:id="rId52"/>
            </p:custDataLst>
          </p:nvPr>
        </p:nvSpPr>
        <p:spPr>
          <a:xfrm rot="16200000">
            <a:off x="10477171" y="237075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501" name="OTLSHAPE_M_7a30b6abf1d14420ba43f690b7289863_Title"/>
          <p:cNvSpPr txBox="1"/>
          <p:nvPr>
            <p:custDataLst>
              <p:tags r:id="rId53"/>
            </p:custDataLst>
          </p:nvPr>
        </p:nvSpPr>
        <p:spPr>
          <a:xfrm>
            <a:off x="874775" y="1990942"/>
            <a:ext cx="1384300" cy="64633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צגת 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הבניית תהליך הלמידה</a:t>
            </a:r>
            <a:endParaRPr kumimoji="0" lang="en-US" sz="14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2" name="OTLSHAPE_M_7a30b6abf1d14420ba43f690b7289863_Date"/>
          <p:cNvSpPr txBox="1"/>
          <p:nvPr>
            <p:custDataLst>
              <p:tags r:id="rId54"/>
            </p:custDataLst>
          </p:nvPr>
        </p:nvSpPr>
        <p:spPr>
          <a:xfrm>
            <a:off x="1200850" y="2646865"/>
            <a:ext cx="963635" cy="21544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1" i="0" u="none" strike="noStrike" kern="1200" cap="none" spc="-8" normalizeH="0" baseline="0" noProof="0" dirty="0" smtClean="0">
                <a:ln>
                  <a:noFill/>
                </a:ln>
                <a:solidFill>
                  <a:srgbClr val="1F497E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Arial" panose="020B0604020202020204" pitchFamily="34" charset="0"/>
              </a:rPr>
              <a:t>23/12/2015</a:t>
            </a:r>
            <a:endParaRPr kumimoji="0" lang="en-US" sz="1400" b="1" i="0" u="none" strike="noStrike" kern="1200" cap="none" spc="-8" normalizeH="0" baseline="0" noProof="0" dirty="0">
              <a:ln>
                <a:noFill/>
              </a:ln>
              <a:solidFill>
                <a:srgbClr val="1F497E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503" name="OTLSHAPE_M_7a30b6abf1d14420ba43f690b7289863_Shape"/>
          <p:cNvSpPr/>
          <p:nvPr>
            <p:custDataLst>
              <p:tags r:id="rId55"/>
            </p:custDataLst>
          </p:nvPr>
        </p:nvSpPr>
        <p:spPr>
          <a:xfrm rot="16200000">
            <a:off x="1004001" y="2599478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46" name="סוגר זוויתי 445"/>
          <p:cNvSpPr/>
          <p:nvPr/>
        </p:nvSpPr>
        <p:spPr>
          <a:xfrm>
            <a:off x="9080821" y="4216718"/>
            <a:ext cx="2486474" cy="1241353"/>
          </a:xfrm>
          <a:prstGeom prst="chevron">
            <a:avLst/>
          </a:prstGeom>
        </p:spPr>
        <p:style>
          <a:lnRef idx="2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lnRef>
          <a:fillRef idx="1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fillRef>
          <a:effectRef idx="0"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effectRef>
          <a:fontRef idx="minor">
            <a:schemeClr val="dk1">
              <a:hueOff val="0"/>
              <a:satOff val="0"/>
              <a:lumOff val="0"/>
              <a:alphaOff val="0"/>
            </a:schemeClr>
          </a:fontRef>
        </p:style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600" b="1" i="0" u="sng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שלב התחקיר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0" i="0" u="none" strike="noStrike" kern="1200" cap="none" spc="0" normalizeH="0" baseline="0" noProof="0" dirty="0" smtClean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תחקיר בפורמט</a:t>
            </a:r>
            <a:endParaRPr kumimoji="0" lang="he-IL" sz="1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400" b="0" i="0" u="none" strike="noStrike" kern="1200" cap="none" spc="0" normalizeH="0" baseline="0" noProof="0" dirty="0">
                <a:ln>
                  <a:noFill/>
                </a:ln>
                <a:solidFill>
                  <a:prstClr val="black">
                    <a:hueOff val="0"/>
                    <a:satOff val="0"/>
                    <a:lumOff val="0"/>
                    <a:alphaOff val="0"/>
                  </a:prstClr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סיכום קבוצתי ואישי </a:t>
            </a:r>
            <a:endParaRPr kumimoji="0" lang="en-US" sz="1400" b="0" i="0" u="none" strike="noStrike" kern="1200" cap="none" spc="0" normalizeH="0" baseline="0" noProof="0" dirty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he-IL" sz="1600" b="1" i="0" u="sng" strike="noStrike" kern="1200" cap="none" spc="0" normalizeH="0" baseline="0" noProof="0" dirty="0" smtClean="0">
              <a:ln>
                <a:noFill/>
              </a:ln>
              <a:solidFill>
                <a:prstClr val="black">
                  <a:hueOff val="0"/>
                  <a:satOff val="0"/>
                  <a:lumOff val="0"/>
                  <a:alphaOff val="0"/>
                </a:prstClr>
              </a:solidFill>
              <a:effectLst/>
              <a:uLnTx/>
              <a:uFillTx/>
              <a:latin typeface="Calibri" panose="020F0502020204030204"/>
              <a:ea typeface="+mn-ea"/>
              <a:cs typeface="Arial" panose="020B0604020202020204" pitchFamily="34" charset="0"/>
            </a:endParaRPr>
          </a:p>
        </p:txBody>
      </p:sp>
      <p:grpSp>
        <p:nvGrpSpPr>
          <p:cNvPr id="66" name="קבוצה 65"/>
          <p:cNvGrpSpPr/>
          <p:nvPr/>
        </p:nvGrpSpPr>
        <p:grpSpPr>
          <a:xfrm>
            <a:off x="221362" y="4204797"/>
            <a:ext cx="2175805" cy="1382928"/>
            <a:chOff x="-2848813" y="935386"/>
            <a:chExt cx="2750259" cy="1414227"/>
          </a:xfrm>
        </p:grpSpPr>
        <p:sp>
          <p:nvSpPr>
            <p:cNvPr id="67" name="סוגר זוויתי 66"/>
            <p:cNvSpPr/>
            <p:nvPr/>
          </p:nvSpPr>
          <p:spPr>
            <a:xfrm>
              <a:off x="-2848813" y="935386"/>
              <a:ext cx="2750259" cy="1251584"/>
            </a:xfrm>
            <a:prstGeom prst="chevron">
              <a:avLst/>
            </a:prstGeom>
          </p:spPr>
          <p:style>
            <a:lnRef idx="2">
              <a:schemeClr val="lt1"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hueOff val="0"/>
                <a:satOff val="0"/>
                <a:lumOff val="0"/>
                <a:alphaOff val="0"/>
              </a:schemeClr>
            </a:effectRef>
            <a:fontRef idx="minor">
              <a:schemeClr val="lt1"/>
            </a:fontRef>
          </p:style>
        </p:sp>
        <p:sp>
          <p:nvSpPr>
            <p:cNvPr id="68" name="סוגר זוויתי 4"/>
            <p:cNvSpPr txBox="1"/>
            <p:nvPr/>
          </p:nvSpPr>
          <p:spPr>
            <a:xfrm>
              <a:off x="-2441378" y="1095583"/>
              <a:ext cx="1935388" cy="1254030"/>
            </a:xfrm>
            <a:prstGeom prst="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20320" tIns="10160" rIns="0" bIns="10160" numCol="1" spcCol="1270" anchor="t" anchorCtr="0">
              <a:noAutofit/>
            </a:bodyPr>
            <a:lstStyle/>
            <a:p>
              <a:pPr marL="0" marR="0" lvl="0" indent="0" algn="ctr" defTabSz="7112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he-IL" sz="1600" b="1" i="0" u="sng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שלב הבניית הלמידה</a:t>
              </a:r>
            </a:p>
            <a:p>
              <a:pPr marL="0" marR="0" lvl="0" indent="0" algn="ctr" defTabSz="711200" rtl="0" eaLnBrk="1" fontAlgn="auto" latinLnBrk="0" hangingPunct="1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he-IL" sz="1400" b="0" i="0" u="none" strike="noStrike" kern="1200" cap="none" spc="0" normalizeH="0" baseline="0" noProof="0" dirty="0" err="1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תוכנית</a:t>
              </a:r>
              <a:r>
                <a:rPr kumimoji="0" lang="he-IL" sz="1400" b="0" i="0" u="none" strike="noStrike" kern="1200" cap="none" spc="0" normalizeH="0" baseline="0" noProof="0" dirty="0" smtClean="0">
                  <a:ln>
                    <a:noFill/>
                  </a:ln>
                  <a:solidFill>
                    <a:prstClr val="white"/>
                  </a:solidFill>
                  <a:effectLst/>
                  <a:uLnTx/>
                  <a:uFillTx/>
                  <a:latin typeface="Calibri" panose="020F0502020204030204"/>
                  <a:ea typeface="+mn-ea"/>
                  <a:cs typeface="Arial" panose="020B0604020202020204" pitchFamily="34" charset="0"/>
                </a:rPr>
                <a:t> למידה</a:t>
              </a: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 panose="020F0502020204030204"/>
                <a:ea typeface="+mn-ea"/>
                <a:cs typeface="+mn-cs"/>
              </a:endParaRPr>
            </a:p>
          </p:txBody>
        </p:sp>
      </p:grpSp>
      <p:sp>
        <p:nvSpPr>
          <p:cNvPr id="69" name="OTLSHAPE_M_7e4083913e934642a3382a090fdc1f83_Shape"/>
          <p:cNvSpPr/>
          <p:nvPr>
            <p:custDataLst>
              <p:tags r:id="rId56"/>
            </p:custDataLst>
          </p:nvPr>
        </p:nvSpPr>
        <p:spPr>
          <a:xfrm rot="16200000">
            <a:off x="7000084" y="1865367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TextBox 69"/>
          <p:cNvSpPr txBox="1"/>
          <p:nvPr/>
        </p:nvSpPr>
        <p:spPr>
          <a:xfrm>
            <a:off x="-57150" y="4446533"/>
            <a:ext cx="931925" cy="646331"/>
          </a:xfrm>
          <a:prstGeom prst="rect">
            <a:avLst/>
          </a:prstGeom>
          <a:noFill/>
          <a:ln w="38100">
            <a:solidFill>
              <a:schemeClr val="tx1">
                <a:lumMod val="85000"/>
                <a:lumOff val="15000"/>
              </a:schemeClr>
            </a:solidFill>
          </a:ln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he-IL" b="1" dirty="0" smtClean="0">
                <a:solidFill>
                  <a:prstClr val="black"/>
                </a:solidFill>
                <a:latin typeface="Calibri" panose="020F0502020204030204"/>
                <a:cs typeface="Arial" panose="020B0604020202020204" pitchFamily="34" charset="0"/>
              </a:rPr>
              <a:t>שלבי</a:t>
            </a:r>
          </a:p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he-IL" sz="1800" b="1" i="0" u="none" strike="noStrike" kern="1200" cap="none" spc="0" normalizeH="0" baseline="0" noProof="0" dirty="0" smtClean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Calibri" panose="020F0502020204030204"/>
                <a:ea typeface="+mn-ea"/>
                <a:cs typeface="Arial" panose="020B0604020202020204" pitchFamily="34" charset="0"/>
              </a:rPr>
              <a:t>התהליך</a:t>
            </a:r>
            <a:endParaRPr kumimoji="0" lang="en-US" sz="1800" b="1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11088488" y="4425158"/>
            <a:ext cx="1178529" cy="92333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algn="ctr"/>
            <a:r>
              <a:rPr lang="he-IL" b="1" dirty="0" smtClean="0"/>
              <a:t>סיכום</a:t>
            </a:r>
          </a:p>
          <a:p>
            <a:pPr algn="ctr"/>
            <a:r>
              <a:rPr lang="he-IL" b="1" dirty="0" smtClean="0"/>
              <a:t>קורס </a:t>
            </a:r>
          </a:p>
          <a:p>
            <a:pPr algn="ctr"/>
            <a:r>
              <a:rPr lang="he-IL" b="1" dirty="0" smtClean="0"/>
              <a:t>אסטרטגיה</a:t>
            </a:r>
            <a:endParaRPr lang="en-US" b="1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45276136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Jc1RlbXBsYXRlIjpmYWxzZSwiVmVyc2lvbiI6eyIkaWQiOiIyIiwiVmVyc2lvbiI6IjMuMC4xIiwiT3JpZ2luYWxBc3NlbWJseVZlcnNpb24iOiIzLjAxLjA1LjAwIiwiRWRpdGlvbiI6IkJhc2ljIiwiSXNQbHVzRWRpdGlvbiI6ZmFsc2V9LCJFZmZlY3QiOjAsIlN0eWxlIjp7IiRpZCI6IjMiLCJUaW1lYmFuZFN0eWxlIjp7IiRpZCI6IjQiLCJTY2FsZU1hcmtpbmciOjAsIlNoYXBlIjoz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M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MCwiUiI6MCwiRyI6MCwiQiI6MH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xOTIsIkciOjgwLCJCIjo3N3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E5MiwiRyI6ODAsIkIiOjc3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R9fSwiTGluZVdlaWdodCI6MS4wLCJMaW5lVHlwZSI6MCwiUGFyZW50U3R5bGUiOm51bGx9LCJWZXJ0aWN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k1hcmdpbiI6bnVsbCwiU3RhcnREYXRlUG9zaXRpb24iOjQsIkVuZERhdGVQb3NpdGlvbiI6NCwiVGl0bGVQb3NpdGlvbiI6MiwiRHVyYXRpb25Qb3NpdGlvbiI6NiwiUGVyY2VudGFnZUNvbXBsZXRlZFBvc2l0aW9uIjo2LCJTcGFjaW5nIjo1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5NjAuMCwiTWF4SGVpZ2h0IjoiSW5maW5pdHkiLCJTbWFydEZvcmVncm91bmRJc0FjdGl2ZSI6ZmFsc2UsIkhvcml6b250YWxBbGlnbm1lbnQiOjE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MzEsIkciOjczLCJCIjoxMj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wLCJHIjoxMTQsIkIiOjE4OH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CwiRyI6MTE0LCJCIjoxODh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yLCJGb3JlZ3JvdW5kIjp7IiRyZWYiOiI2NyJ9LCJNYXhXaWR0aCI6NDc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M0IiwiTGluZUNvbG9yIjpudWxsLCJMaW5lV2VpZ2h0IjowLjAsIkxpbmVUeXBlIjowLCJQYXJlbnRTdHlsZSI6bnVsbH0sIlBhcmVudFN0eWxlIjp7IiRyZWYiOiI2NSJ9fSwiRGF0ZVN0eWxlIjp7IiRpZCI6IjEzNSIsIkZvbnRTZXR0aW5ncyI6eyIkaWQiOiIxMz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AiLCJMaW5lQ29sb3IiOm51bGwsIkxpbmVXZWlnaHQiOjAuMCwiTGluZVR5cGUiOjAsIlBhcmVudFN0eWxlIjpudWxsfSwiUGFyZW50U3R5bGUiOnsiJHJlZiI6IjY1In19LCJEYXRlU3R5bGUiOnsiJGlkIjoiMTUxIiwiRm9udFNldHRpbmdzIjp7IiRpZCI6IjE1M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YiLCJMaW5lQ29sb3IiOm51bGwsIkxpbmVXZWlnaHQiOjAuMCwiTGluZVR5cGUiOjAsIlBhcmVudFN0eWxlIjpudWxsfSwiUGFyZW50U3R5bGUiOnsiJHJlZiI6IjY1In19LCJEYXRlU3R5bGUiOnsiJGlkIjoiMTY3IiwiRm9udFNldHRpbmdzIjp7IiRpZCI6IjE2OC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gyIiwiTGluZUNvbG9yIjpudWxsLCJMaW5lV2VpZ2h0IjowLjAsIkxpbmVUeXBlIjowLCJQYXJlbnRTdHlsZSI6bnVsbH0sIlBhcmVudFN0eWxlIjp7IiRyZWYiOiI2NSJ9fSwiRGF0ZVN0eWxlIjp7IiRpZCI6IjE4MyIsIkZvbnRTZXR0aW5ncyI6eyIkaWQiOiIxOD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OCIsIkxpbmVDb2xvciI6bnVsbCwiTGluZVdlaWdodCI6MC4wLCJMaW5lVHlwZSI6MCwiUGFyZW50U3R5bGUiOm51bGx9LCJQYXJlbnRTdHlsZSI6eyIkcmVmIjoiNjUifX0sIkRhdGVTdHlsZSI6eyIkaWQiOiIxOTkiLCJGb250U2V0dGluZ3MiOnsiJGlkIjoiMjAw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QiLCJMaW5lQ29sb3IiOm51bGwsIkxpbmVXZWlnaHQiOjAuMCwiTGluZVR5cGUiOjAsIlBhcmVudFN0eWxlIjpudWxsfSwiUGFyZW50U3R5bGUiOnsiJHJlZiI6IjY1In19LCJEYXRlU3R5bGUiOnsiJGlkIjoiMjE1IiwiRm9udFNldHRpbmdzIjp7IiRpZCI6IjIx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EsIkZvbnROYW1lIjoiQ2FsaWJyaSIsIklzQm9sZCI6dHJ1ZSwiSXNJdGFsaWMiOmZhbHNlLCJJc1VuZGVybGluZWQiOmZhbHNlLCJQYXJlbnRTdHlsZSI6eyIkcmVmIjoiNjYifX0sIkF1dG9TaXplIjoyLCJGb3JlZ3JvdW5kIjp7IiRyZWYiOiI2NyJ9LCJNYXhXaWR0aCI6NzM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wIiwiTGluZUNvbG9yIjpudWxsLCJMaW5lV2VpZ2h0IjowLjAsIkxpbmVUeXBlIjowLCJQYXJlbnRTdHlsZSI6bnVsbH0sIlBhcmVudFN0eWxlIjp7IiRyZWYiOiI2NSJ9fSwiRGF0ZVN0eWxlIjp7IiRpZCI6IjIzMSIsIkZvbnRTZXR0aW5ncyI6eyIkaWQiOiIyMzI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0NiIsIkxpbmVDb2xvciI6bnVsbCwiTGluZVdlaWdodCI6MC4wLCJMaW5lVHlwZSI6MCwiUGFyZW50U3R5bGUiOm51bGx9LCJQYXJlbnRTdHlsZSI6eyIkcmVmIjoiNjUifX0sIkRhdGVTdHlsZSI6eyIkaWQiOiIyNDciLCJGb250U2V0dGluZ3MiOnsiJGlkIjoiMjQ4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2MiIsIkxpbmVDb2xvciI6bnVsbCwiTGluZVdlaWdodCI6MC4wLCJMaW5lVHlwZSI6MCwiUGFyZW50U3R5bGUiOm51bGx9LCJQYXJlbnRTdHlsZSI6eyIkcmVmIjoiNjUifX0sIkRhdGVTdHlsZSI6eyIkaWQiOiIyNjMiLCJGb250U2V0dGluZ3MiOnsiJGlkIjoiMjY0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4IiwiTGluZUNvbG9yIjpudWxsLCJMaW5lV2VpZ2h0IjowLjAsIkxpbmVUeXBlIjowLCJQYXJlbnRTdHlsZSI6bnVsbH0sIlBhcmVudFN0eWxlIjp7IiRyZWYiOiI2NSJ9fSwiRGF0ZVN0eWxlIjp7IiRpZCI6IjI3OSIsIkZvbnRTZXR0aW5ncyI6eyIkaWQiOiIyODA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fQ=="/>
  <p:tag name="__MASTER" val="__part_0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ערכת נושא Offic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2490</TotalTime>
  <Words>297</Words>
  <Application>Microsoft Office PowerPoint</Application>
  <PresentationFormat>מסך רחב</PresentationFormat>
  <Paragraphs>147</Paragraphs>
  <Slides>3</Slides>
  <Notes>0</Notes>
  <HiddenSlides>1</HiddenSlides>
  <MMClips>0</MMClips>
  <ScaleCrop>false</ScaleCrop>
  <HeadingPairs>
    <vt:vector size="6" baseType="variant">
      <vt:variant>
        <vt:lpstr>גופנים בשימוש</vt:lpstr>
      </vt:variant>
      <vt:variant>
        <vt:i4>4</vt:i4>
      </vt:variant>
      <vt:variant>
        <vt:lpstr>ערכת נושא</vt:lpstr>
      </vt:variant>
      <vt:variant>
        <vt:i4>2</vt:i4>
      </vt:variant>
      <vt:variant>
        <vt:lpstr>כותרות שקופיות</vt:lpstr>
      </vt:variant>
      <vt:variant>
        <vt:i4>3</vt:i4>
      </vt:variant>
    </vt:vector>
  </HeadingPairs>
  <TitlesOfParts>
    <vt:vector size="9" baseType="lpstr">
      <vt:lpstr>Arial</vt:lpstr>
      <vt:lpstr>Calibri</vt:lpstr>
      <vt:lpstr>Calibri Light</vt:lpstr>
      <vt:lpstr>Times New Roman</vt:lpstr>
      <vt:lpstr>ערכת נושא Office</vt:lpstr>
      <vt:lpstr>1_ערכת נושא Office</vt:lpstr>
      <vt:lpstr>סימולציה 2015-2016</vt:lpstr>
      <vt:lpstr>מצגת של PowerPoint‏</vt:lpstr>
      <vt:lpstr>מצגת של PowerPoint‏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סימולציה 2015-2016</dc:title>
  <dc:creator>ערן עציון</dc:creator>
  <cp:lastModifiedBy>ערן עציון</cp:lastModifiedBy>
  <cp:revision>97</cp:revision>
  <dcterms:created xsi:type="dcterms:W3CDTF">2015-12-01T06:13:25Z</dcterms:created>
  <dcterms:modified xsi:type="dcterms:W3CDTF">2015-12-08T20:10:45Z</dcterms:modified>
</cp:coreProperties>
</file>